
<file path=[Content_Types].xml><?xml version="1.0" encoding="utf-8"?>
<Types xmlns="http://schemas.openxmlformats.org/package/2006/content-types"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changesInfos/changesInfo1.xml" ContentType="application/vnd.ms-powerpoint.changesinfo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4"/>
  </p:sldMasterIdLst>
  <p:notesMasterIdLst>
    <p:notesMasterId r:id="rId6"/>
  </p:notesMasterIdLst>
  <p:handoutMasterIdLst>
    <p:handoutMasterId r:id="rId7"/>
  </p:handoutMasterIdLst>
  <p:sldIdLst>
    <p:sldId id="270" r:id="rId5"/>
  </p:sldIdLst>
  <p:sldSz cx="7559675" cy="10691813"/>
  <p:notesSz cx="6797675" cy="9926638"/>
  <p:defaultTextStyle>
    <a:defPPr>
      <a:defRPr lang="da-DK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981" userDrawn="1">
          <p15:clr>
            <a:srgbClr val="A4A3A4"/>
          </p15:clr>
        </p15:guide>
        <p15:guide id="2" orient="horz" pos="3054" userDrawn="1">
          <p15:clr>
            <a:srgbClr val="A4A3A4"/>
          </p15:clr>
        </p15:guide>
        <p15:guide id="3" orient="horz" pos="8167" userDrawn="1">
          <p15:clr>
            <a:srgbClr val="A4A3A4"/>
          </p15:clr>
        </p15:guide>
        <p15:guide id="4" pos="4368" userDrawn="1">
          <p15:clr>
            <a:srgbClr val="A4A3A4"/>
          </p15:clr>
        </p15:guide>
        <p15:guide id="5" pos="469" userDrawn="1">
          <p15:clr>
            <a:srgbClr val="A4A3A4"/>
          </p15:clr>
        </p15:guide>
        <p15:guide id="6" orient="horz" pos="2237" userDrawn="1">
          <p15:clr>
            <a:srgbClr val="A4A3A4"/>
          </p15:clr>
        </p15:guide>
        <p15:guide id="7" orient="horz" pos="2291" userDrawn="1">
          <p15:clr>
            <a:srgbClr val="A4A3A4"/>
          </p15:clr>
        </p15:guide>
        <p15:guide id="8" orient="horz" pos="6126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84377589-5CD7-D160-FAF8-147DDF298883}" name="Trine Fuglsang" initials="TF" userId="S::trfu@kp.dk::2ed6e0b9-15c1-4916-bcff-e6168f3cf3b8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0000"/>
    <a:srgbClr val="FA3C3C"/>
    <a:srgbClr val="192337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 snapToGrid="0">
      <p:cViewPr varScale="1">
        <p:scale>
          <a:sx n="70" d="100"/>
          <a:sy n="70" d="100"/>
        </p:scale>
        <p:origin x="3132" y="72"/>
      </p:cViewPr>
      <p:guideLst>
        <p:guide orient="horz" pos="2981"/>
        <p:guide orient="horz" pos="3054"/>
        <p:guide orient="horz" pos="8167"/>
        <p:guide pos="4368"/>
        <p:guide pos="469"/>
        <p:guide orient="horz" pos="2237"/>
        <p:guide orient="horz" pos="2291"/>
        <p:guide orient="horz" pos="6126"/>
      </p:guideLst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66" d="100"/>
          <a:sy n="66" d="100"/>
        </p:scale>
        <p:origin x="0" y="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presProps" Target="presProps.xml"/><Relationship Id="rId13" Type="http://schemas.microsoft.com/office/2018/10/relationships/authors" Target="authors.xml"/><Relationship Id="rId3" Type="http://schemas.openxmlformats.org/officeDocument/2006/relationships/customXml" Target="../customXml/item3.xml"/><Relationship Id="rId7" Type="http://schemas.openxmlformats.org/officeDocument/2006/relationships/handoutMaster" Target="handoutMasters/handoutMaster1.xml"/><Relationship Id="rId12" Type="http://schemas.microsoft.com/office/2016/11/relationships/changesInfo" Target="changesInfos/changesInfo1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notesMaster" Target="notesMasters/notesMaster1.xml"/><Relationship Id="rId11" Type="http://schemas.openxmlformats.org/officeDocument/2006/relationships/tableStyles" Target="tableStyles.xml"/><Relationship Id="rId5" Type="http://schemas.openxmlformats.org/officeDocument/2006/relationships/slide" Target="slides/slide1.xml"/><Relationship Id="rId10" Type="http://schemas.openxmlformats.org/officeDocument/2006/relationships/theme" Target="theme/theme1.xml"/><Relationship Id="rId4" Type="http://schemas.openxmlformats.org/officeDocument/2006/relationships/slideMaster" Target="slideMasters/slideMaster1.xml"/><Relationship Id="rId9" Type="http://schemas.openxmlformats.org/officeDocument/2006/relationships/viewProps" Target="viewProp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Marianne Syders" userId="84fc3609-6607-491b-93b9-da5077371c42" providerId="ADAL" clId="{5E9B4711-E7D9-4838-BC9B-8645DFFE7287}"/>
    <pc:docChg chg="modSld">
      <pc:chgData name="Marianne Syders" userId="84fc3609-6607-491b-93b9-da5077371c42" providerId="ADAL" clId="{5E9B4711-E7D9-4838-BC9B-8645DFFE7287}" dt="2023-06-07T08:08:15.506" v="21" actId="20577"/>
      <pc:docMkLst>
        <pc:docMk/>
      </pc:docMkLst>
      <pc:sldChg chg="modSp mod">
        <pc:chgData name="Marianne Syders" userId="84fc3609-6607-491b-93b9-da5077371c42" providerId="ADAL" clId="{5E9B4711-E7D9-4838-BC9B-8645DFFE7287}" dt="2023-06-07T08:08:15.506" v="21" actId="20577"/>
        <pc:sldMkLst>
          <pc:docMk/>
          <pc:sldMk cId="632504311" sldId="270"/>
        </pc:sldMkLst>
        <pc:spChg chg="mod">
          <ac:chgData name="Marianne Syders" userId="84fc3609-6607-491b-93b9-da5077371c42" providerId="ADAL" clId="{5E9B4711-E7D9-4838-BC9B-8645DFFE7287}" dt="2023-06-07T07:53:57.015" v="2" actId="207"/>
          <ac:spMkLst>
            <pc:docMk/>
            <pc:sldMk cId="632504311" sldId="270"/>
            <ac:spMk id="4" creationId="{0DA6E81B-9200-0B0D-29C0-4DC31641133F}"/>
          </ac:spMkLst>
        </pc:spChg>
        <pc:spChg chg="mod">
          <ac:chgData name="Marianne Syders" userId="84fc3609-6607-491b-93b9-da5077371c42" providerId="ADAL" clId="{5E9B4711-E7D9-4838-BC9B-8645DFFE7287}" dt="2023-06-07T08:08:15.506" v="21" actId="20577"/>
          <ac:spMkLst>
            <pc:docMk/>
            <pc:sldMk cId="632504311" sldId="270"/>
            <ac:spMk id="6" creationId="{FD1FAB42-32F9-158A-BA6D-6D269DBD35D2}"/>
          </ac:spMkLst>
        </pc:spChg>
        <pc:spChg chg="mod">
          <ac:chgData name="Marianne Syders" userId="84fc3609-6607-491b-93b9-da5077371c42" providerId="ADAL" clId="{5E9B4711-E7D9-4838-BC9B-8645DFFE7287}" dt="2023-06-07T07:55:39.849" v="15" actId="20577"/>
          <ac:spMkLst>
            <pc:docMk/>
            <pc:sldMk cId="632504311" sldId="270"/>
            <ac:spMk id="20" creationId="{1F85D913-8122-691E-A29F-6C36EE900AB9}"/>
          </ac:spMkLst>
        </pc:spChg>
      </pc:sldChg>
    </pc:docChg>
  </pc:docChgLst>
  <pc:docChgLst>
    <pc:chgData name="Lone Egelund Larsen" userId="3d158bbe-f9e9-4995-8069-a4e8efbc9c4e" providerId="ADAL" clId="{A5BBDBEB-736B-4084-9FEF-3384CFC80522}"/>
    <pc:docChg chg="undo custSel modSld modMainMaster">
      <pc:chgData name="Lone Egelund Larsen" userId="3d158bbe-f9e9-4995-8069-a4e8efbc9c4e" providerId="ADAL" clId="{A5BBDBEB-736B-4084-9FEF-3384CFC80522}" dt="2023-05-10T11:43:27.007" v="1862" actId="478"/>
      <pc:docMkLst>
        <pc:docMk/>
      </pc:docMkLst>
      <pc:sldChg chg="addSp delSp modSp mod">
        <pc:chgData name="Lone Egelund Larsen" userId="3d158bbe-f9e9-4995-8069-a4e8efbc9c4e" providerId="ADAL" clId="{A5BBDBEB-736B-4084-9FEF-3384CFC80522}" dt="2023-05-10T11:43:27.007" v="1862" actId="478"/>
        <pc:sldMkLst>
          <pc:docMk/>
          <pc:sldMk cId="632504311" sldId="270"/>
        </pc:sldMkLst>
        <pc:spChg chg="mod">
          <ac:chgData name="Lone Egelund Larsen" userId="3d158bbe-f9e9-4995-8069-a4e8efbc9c4e" providerId="ADAL" clId="{A5BBDBEB-736B-4084-9FEF-3384CFC80522}" dt="2023-05-10T11:33:52.332" v="1795" actId="207"/>
          <ac:spMkLst>
            <pc:docMk/>
            <pc:sldMk cId="632504311" sldId="270"/>
            <ac:spMk id="3" creationId="{51594341-2E51-9FF0-5DE5-51FE4D81C9EA}"/>
          </ac:spMkLst>
        </pc:spChg>
        <pc:spChg chg="mod">
          <ac:chgData name="Lone Egelund Larsen" userId="3d158bbe-f9e9-4995-8069-a4e8efbc9c4e" providerId="ADAL" clId="{A5BBDBEB-736B-4084-9FEF-3384CFC80522}" dt="2023-05-10T11:33:52.332" v="1795" actId="207"/>
          <ac:spMkLst>
            <pc:docMk/>
            <pc:sldMk cId="632504311" sldId="270"/>
            <ac:spMk id="4" creationId="{0DA6E81B-9200-0B0D-29C0-4DC31641133F}"/>
          </ac:spMkLst>
        </pc:spChg>
        <pc:spChg chg="mod">
          <ac:chgData name="Lone Egelund Larsen" userId="3d158bbe-f9e9-4995-8069-a4e8efbc9c4e" providerId="ADAL" clId="{A5BBDBEB-736B-4084-9FEF-3384CFC80522}" dt="2023-05-10T11:33:31.161" v="1792" actId="207"/>
          <ac:spMkLst>
            <pc:docMk/>
            <pc:sldMk cId="632504311" sldId="270"/>
            <ac:spMk id="6" creationId="{FD1FAB42-32F9-158A-BA6D-6D269DBD35D2}"/>
          </ac:spMkLst>
        </pc:spChg>
        <pc:spChg chg="mod">
          <ac:chgData name="Lone Egelund Larsen" userId="3d158bbe-f9e9-4995-8069-a4e8efbc9c4e" providerId="ADAL" clId="{A5BBDBEB-736B-4084-9FEF-3384CFC80522}" dt="2023-05-10T11:33:31.161" v="1792" actId="207"/>
          <ac:spMkLst>
            <pc:docMk/>
            <pc:sldMk cId="632504311" sldId="270"/>
            <ac:spMk id="8" creationId="{8E7305B5-8D37-DCEE-D059-6B2CC7BE9D07}"/>
          </ac:spMkLst>
        </pc:spChg>
        <pc:spChg chg="mod">
          <ac:chgData name="Lone Egelund Larsen" userId="3d158bbe-f9e9-4995-8069-a4e8efbc9c4e" providerId="ADAL" clId="{A5BBDBEB-736B-4084-9FEF-3384CFC80522}" dt="2023-05-10T11:33:31.161" v="1792" actId="207"/>
          <ac:spMkLst>
            <pc:docMk/>
            <pc:sldMk cId="632504311" sldId="270"/>
            <ac:spMk id="12" creationId="{12368B27-AC68-C6FC-8623-99385C072B76}"/>
          </ac:spMkLst>
        </pc:spChg>
        <pc:spChg chg="mod">
          <ac:chgData name="Lone Egelund Larsen" userId="3d158bbe-f9e9-4995-8069-a4e8efbc9c4e" providerId="ADAL" clId="{A5BBDBEB-736B-4084-9FEF-3384CFC80522}" dt="2023-05-10T11:41:26.796" v="1844" actId="20577"/>
          <ac:spMkLst>
            <pc:docMk/>
            <pc:sldMk cId="632504311" sldId="270"/>
            <ac:spMk id="13" creationId="{B7842C1F-4498-29CA-FD2F-CC69D01592BC}"/>
          </ac:spMkLst>
        </pc:spChg>
        <pc:spChg chg="add del mod">
          <ac:chgData name="Lone Egelund Larsen" userId="3d158bbe-f9e9-4995-8069-a4e8efbc9c4e" providerId="ADAL" clId="{A5BBDBEB-736B-4084-9FEF-3384CFC80522}" dt="2023-05-10T11:35:09.143" v="1843" actId="478"/>
          <ac:spMkLst>
            <pc:docMk/>
            <pc:sldMk cId="632504311" sldId="270"/>
            <ac:spMk id="26" creationId="{91FB27CB-588D-2A29-D363-70C611C09113}"/>
          </ac:spMkLst>
        </pc:spChg>
        <pc:spChg chg="add del mod">
          <ac:chgData name="Lone Egelund Larsen" userId="3d158bbe-f9e9-4995-8069-a4e8efbc9c4e" providerId="ADAL" clId="{A5BBDBEB-736B-4084-9FEF-3384CFC80522}" dt="2023-05-10T11:22:32.721" v="1337" actId="478"/>
          <ac:spMkLst>
            <pc:docMk/>
            <pc:sldMk cId="632504311" sldId="270"/>
            <ac:spMk id="29" creationId="{16315722-8CDE-B524-50CB-6A7E4385D574}"/>
          </ac:spMkLst>
        </pc:spChg>
        <pc:spChg chg="add mod">
          <ac:chgData name="Lone Egelund Larsen" userId="3d158bbe-f9e9-4995-8069-a4e8efbc9c4e" providerId="ADAL" clId="{A5BBDBEB-736B-4084-9FEF-3384CFC80522}" dt="2023-05-10T11:29:19.764" v="1660" actId="1076"/>
          <ac:spMkLst>
            <pc:docMk/>
            <pc:sldMk cId="632504311" sldId="270"/>
            <ac:spMk id="31" creationId="{AD852213-B3A5-4B11-3785-AA8F37B5C057}"/>
          </ac:spMkLst>
        </pc:spChg>
        <pc:spChg chg="add del mod">
          <ac:chgData name="Lone Egelund Larsen" userId="3d158bbe-f9e9-4995-8069-a4e8efbc9c4e" providerId="ADAL" clId="{A5BBDBEB-736B-4084-9FEF-3384CFC80522}" dt="2023-05-10T11:24:30.158" v="1442" actId="478"/>
          <ac:spMkLst>
            <pc:docMk/>
            <pc:sldMk cId="632504311" sldId="270"/>
            <ac:spMk id="32" creationId="{27403296-B5F3-BBE9-15A0-68207A98954E}"/>
          </ac:spMkLst>
        </pc:spChg>
        <pc:spChg chg="mod">
          <ac:chgData name="Lone Egelund Larsen" userId="3d158bbe-f9e9-4995-8069-a4e8efbc9c4e" providerId="ADAL" clId="{A5BBDBEB-736B-4084-9FEF-3384CFC80522}" dt="2023-05-10T11:41:51.216" v="1845"/>
          <ac:spMkLst>
            <pc:docMk/>
            <pc:sldMk cId="632504311" sldId="270"/>
            <ac:spMk id="35" creationId="{37C1DBEE-F71C-52E1-E514-290D7A778770}"/>
          </ac:spMkLst>
        </pc:spChg>
        <pc:spChg chg="mod">
          <ac:chgData name="Lone Egelund Larsen" userId="3d158bbe-f9e9-4995-8069-a4e8efbc9c4e" providerId="ADAL" clId="{A5BBDBEB-736B-4084-9FEF-3384CFC80522}" dt="2023-05-10T11:43:10.110" v="1860" actId="1076"/>
          <ac:spMkLst>
            <pc:docMk/>
            <pc:sldMk cId="632504311" sldId="270"/>
            <ac:spMk id="36" creationId="{8A9717A5-778A-B417-6535-B50F5555C7FA}"/>
          </ac:spMkLst>
        </pc:spChg>
        <pc:spChg chg="mod">
          <ac:chgData name="Lone Egelund Larsen" userId="3d158bbe-f9e9-4995-8069-a4e8efbc9c4e" providerId="ADAL" clId="{A5BBDBEB-736B-4084-9FEF-3384CFC80522}" dt="2023-05-10T11:42:50.360" v="1855" actId="1076"/>
          <ac:spMkLst>
            <pc:docMk/>
            <pc:sldMk cId="632504311" sldId="270"/>
            <ac:spMk id="37" creationId="{69095A80-035A-8B13-937F-DA5F0CBEBBFB}"/>
          </ac:spMkLst>
        </pc:spChg>
        <pc:spChg chg="mod">
          <ac:chgData name="Lone Egelund Larsen" userId="3d158bbe-f9e9-4995-8069-a4e8efbc9c4e" providerId="ADAL" clId="{A5BBDBEB-736B-4084-9FEF-3384CFC80522}" dt="2023-05-10T11:43:10.110" v="1860" actId="1076"/>
          <ac:spMkLst>
            <pc:docMk/>
            <pc:sldMk cId="632504311" sldId="270"/>
            <ac:spMk id="38" creationId="{432EF9F5-6707-01C1-6BB4-088E70A7D004}"/>
          </ac:spMkLst>
        </pc:spChg>
        <pc:spChg chg="mod">
          <ac:chgData name="Lone Egelund Larsen" userId="3d158bbe-f9e9-4995-8069-a4e8efbc9c4e" providerId="ADAL" clId="{A5BBDBEB-736B-4084-9FEF-3384CFC80522}" dt="2023-05-10T11:42:01.229" v="1849" actId="1076"/>
          <ac:spMkLst>
            <pc:docMk/>
            <pc:sldMk cId="632504311" sldId="270"/>
            <ac:spMk id="39" creationId="{9B091787-C477-F15B-AE98-F901306404A5}"/>
          </ac:spMkLst>
        </pc:spChg>
        <pc:spChg chg="mod">
          <ac:chgData name="Lone Egelund Larsen" userId="3d158bbe-f9e9-4995-8069-a4e8efbc9c4e" providerId="ADAL" clId="{A5BBDBEB-736B-4084-9FEF-3384CFC80522}" dt="2023-05-10T11:43:24.187" v="1861" actId="1076"/>
          <ac:spMkLst>
            <pc:docMk/>
            <pc:sldMk cId="632504311" sldId="270"/>
            <ac:spMk id="40" creationId="{BE6F62CE-A4CB-55BD-71E9-09EB46F97662}"/>
          </ac:spMkLst>
        </pc:spChg>
        <pc:grpChg chg="add del mod">
          <ac:chgData name="Lone Egelund Larsen" userId="3d158bbe-f9e9-4995-8069-a4e8efbc9c4e" providerId="ADAL" clId="{A5BBDBEB-736B-4084-9FEF-3384CFC80522}" dt="2023-05-10T11:43:27.007" v="1862" actId="478"/>
          <ac:grpSpMkLst>
            <pc:docMk/>
            <pc:sldMk cId="632504311" sldId="270"/>
            <ac:grpSpMk id="33" creationId="{1D93DA57-8319-4466-B78F-6AE572FA32CF}"/>
          </ac:grpSpMkLst>
        </pc:grpChg>
        <pc:grpChg chg="mod">
          <ac:chgData name="Lone Egelund Larsen" userId="3d158bbe-f9e9-4995-8069-a4e8efbc9c4e" providerId="ADAL" clId="{A5BBDBEB-736B-4084-9FEF-3384CFC80522}" dt="2023-05-10T11:41:51.216" v="1845"/>
          <ac:grpSpMkLst>
            <pc:docMk/>
            <pc:sldMk cId="632504311" sldId="270"/>
            <ac:grpSpMk id="34" creationId="{1CF5082A-0608-31F1-2F87-82EA3F3965B3}"/>
          </ac:grpSpMkLst>
        </pc:grpChg>
        <pc:picChg chg="mod modCrop">
          <ac:chgData name="Lone Egelund Larsen" userId="3d158bbe-f9e9-4995-8069-a4e8efbc9c4e" providerId="ADAL" clId="{A5BBDBEB-736B-4084-9FEF-3384CFC80522}" dt="2023-05-10T11:33:37.532" v="1793" actId="207"/>
          <ac:picMkLst>
            <pc:docMk/>
            <pc:sldMk cId="632504311" sldId="270"/>
            <ac:picMk id="15" creationId="{7A6238A7-3ADF-C838-C738-A4DDE360FE25}"/>
          </ac:picMkLst>
        </pc:picChg>
        <pc:picChg chg="mod">
          <ac:chgData name="Lone Egelund Larsen" userId="3d158bbe-f9e9-4995-8069-a4e8efbc9c4e" providerId="ADAL" clId="{A5BBDBEB-736B-4084-9FEF-3384CFC80522}" dt="2023-05-10T11:33:37.532" v="1793" actId="207"/>
          <ac:picMkLst>
            <pc:docMk/>
            <pc:sldMk cId="632504311" sldId="270"/>
            <ac:picMk id="17" creationId="{9B0FEDBC-164C-5AB1-B03B-6B21E9DBD7EE}"/>
          </ac:picMkLst>
        </pc:picChg>
        <pc:picChg chg="mod">
          <ac:chgData name="Lone Egelund Larsen" userId="3d158bbe-f9e9-4995-8069-a4e8efbc9c4e" providerId="ADAL" clId="{A5BBDBEB-736B-4084-9FEF-3384CFC80522}" dt="2023-05-10T11:33:37.532" v="1793" actId="207"/>
          <ac:picMkLst>
            <pc:docMk/>
            <pc:sldMk cId="632504311" sldId="270"/>
            <ac:picMk id="19" creationId="{CDD4325B-D52B-84D3-14DD-B98FCE976F19}"/>
          </ac:picMkLst>
        </pc:picChg>
        <pc:picChg chg="add del mod">
          <ac:chgData name="Lone Egelund Larsen" userId="3d158bbe-f9e9-4995-8069-a4e8efbc9c4e" providerId="ADAL" clId="{A5BBDBEB-736B-4084-9FEF-3384CFC80522}" dt="2023-05-10T10:57:18.880" v="12" actId="478"/>
          <ac:picMkLst>
            <pc:docMk/>
            <pc:sldMk cId="632504311" sldId="270"/>
            <ac:picMk id="25" creationId="{71980996-118D-6A5C-A00C-E44FE9D7FE18}"/>
          </ac:picMkLst>
        </pc:picChg>
        <pc:picChg chg="add mod">
          <ac:chgData name="Lone Egelund Larsen" userId="3d158bbe-f9e9-4995-8069-a4e8efbc9c4e" providerId="ADAL" clId="{A5BBDBEB-736B-4084-9FEF-3384CFC80522}" dt="2023-05-10T11:29:24.540" v="1661" actId="1076"/>
          <ac:picMkLst>
            <pc:docMk/>
            <pc:sldMk cId="632504311" sldId="270"/>
            <ac:picMk id="28" creationId="{7ADDA8C6-A398-075C-3705-9BF5FA91FDA7}"/>
          </ac:picMkLst>
        </pc:picChg>
        <pc:cxnChg chg="add del mod">
          <ac:chgData name="Lone Egelund Larsen" userId="3d158bbe-f9e9-4995-8069-a4e8efbc9c4e" providerId="ADAL" clId="{A5BBDBEB-736B-4084-9FEF-3384CFC80522}" dt="2023-05-10T10:55:44.445" v="8" actId="478"/>
          <ac:cxnSpMkLst>
            <pc:docMk/>
            <pc:sldMk cId="632504311" sldId="270"/>
            <ac:cxnSpMk id="23" creationId="{BA2FE824-0449-4F51-C6C8-2BF218DB6713}"/>
          </ac:cxnSpMkLst>
        </pc:cxnChg>
      </pc:sldChg>
      <pc:sldMasterChg chg="delSp mod modSldLayout">
        <pc:chgData name="Lone Egelund Larsen" userId="3d158bbe-f9e9-4995-8069-a4e8efbc9c4e" providerId="ADAL" clId="{A5BBDBEB-736B-4084-9FEF-3384CFC80522}" dt="2023-05-10T11:20:35.103" v="1306" actId="478"/>
        <pc:sldMasterMkLst>
          <pc:docMk/>
          <pc:sldMasterMk cId="0" sldId="2147483648"/>
        </pc:sldMasterMkLst>
        <pc:picChg chg="del">
          <ac:chgData name="Lone Egelund Larsen" userId="3d158bbe-f9e9-4995-8069-a4e8efbc9c4e" providerId="ADAL" clId="{A5BBDBEB-736B-4084-9FEF-3384CFC80522}" dt="2023-05-10T11:20:35.103" v="1306" actId="478"/>
          <ac:picMkLst>
            <pc:docMk/>
            <pc:sldMasterMk cId="0" sldId="2147483648"/>
            <ac:picMk id="4" creationId="{D3383159-8E87-E7DD-7018-39AECCC36305}"/>
          </ac:picMkLst>
        </pc:picChg>
        <pc:sldLayoutChg chg="delSp mod">
          <pc:chgData name="Lone Egelund Larsen" userId="3d158bbe-f9e9-4995-8069-a4e8efbc9c4e" providerId="ADAL" clId="{A5BBDBEB-736B-4084-9FEF-3384CFC80522}" dt="2023-05-10T11:20:16.618" v="1304" actId="478"/>
          <pc:sldLayoutMkLst>
            <pc:docMk/>
            <pc:sldMasterMk cId="0" sldId="2147483648"/>
            <pc:sldLayoutMk cId="1168222831" sldId="2147483650"/>
          </pc:sldLayoutMkLst>
          <pc:picChg chg="del">
            <ac:chgData name="Lone Egelund Larsen" userId="3d158bbe-f9e9-4995-8069-a4e8efbc9c4e" providerId="ADAL" clId="{A5BBDBEB-736B-4084-9FEF-3384CFC80522}" dt="2023-05-10T11:20:16.618" v="1304" actId="478"/>
            <ac:picMkLst>
              <pc:docMk/>
              <pc:sldMasterMk cId="0" sldId="2147483648"/>
              <pc:sldLayoutMk cId="1168222831" sldId="2147483650"/>
              <ac:picMk id="4" creationId="{DD980F82-41E6-427A-378B-C5BCB352DAC6}"/>
            </ac:picMkLst>
          </pc:picChg>
        </pc:sldLayoutChg>
        <pc:sldLayoutChg chg="delSp mod">
          <pc:chgData name="Lone Egelund Larsen" userId="3d158bbe-f9e9-4995-8069-a4e8efbc9c4e" providerId="ADAL" clId="{A5BBDBEB-736B-4084-9FEF-3384CFC80522}" dt="2023-05-10T11:20:19.252" v="1305" actId="478"/>
          <pc:sldLayoutMkLst>
            <pc:docMk/>
            <pc:sldMasterMk cId="0" sldId="2147483648"/>
            <pc:sldLayoutMk cId="331511141" sldId="2147483662"/>
          </pc:sldLayoutMkLst>
          <pc:picChg chg="del">
            <ac:chgData name="Lone Egelund Larsen" userId="3d158bbe-f9e9-4995-8069-a4e8efbc9c4e" providerId="ADAL" clId="{A5BBDBEB-736B-4084-9FEF-3384CFC80522}" dt="2023-05-10T11:20:19.252" v="1305" actId="478"/>
            <ac:picMkLst>
              <pc:docMk/>
              <pc:sldMasterMk cId="0" sldId="2147483648"/>
              <pc:sldLayoutMk cId="331511141" sldId="2147483662"/>
              <ac:picMk id="2" creationId="{15A75D62-7284-2344-99EF-5579240C75BA}"/>
            </ac:picMkLst>
          </pc:picChg>
        </pc:sldLayoutChg>
      </pc:sldMasterChg>
    </pc:docChg>
  </pc:docChgLst>
  <pc:docChgLst>
    <pc:chgData name="Lone Egelund Larsen" userId="3d158bbe-f9e9-4995-8069-a4e8efbc9c4e" providerId="ADAL" clId="{A0F7BC57-8CF1-42A6-96C2-63786BFA9046}"/>
    <pc:docChg chg="undo custSel addSld delSld modSld modNotesMaster modHandout">
      <pc:chgData name="Lone Egelund Larsen" userId="3d158bbe-f9e9-4995-8069-a4e8efbc9c4e" providerId="ADAL" clId="{A0F7BC57-8CF1-42A6-96C2-63786BFA9046}" dt="2023-06-05T12:59:36.899" v="4467" actId="20577"/>
      <pc:docMkLst>
        <pc:docMk/>
      </pc:docMkLst>
      <pc:sldChg chg="addSp delSp modSp mod delCm modCm modNotes">
        <pc:chgData name="Lone Egelund Larsen" userId="3d158bbe-f9e9-4995-8069-a4e8efbc9c4e" providerId="ADAL" clId="{A0F7BC57-8CF1-42A6-96C2-63786BFA9046}" dt="2023-06-05T12:59:36.899" v="4467" actId="20577"/>
        <pc:sldMkLst>
          <pc:docMk/>
          <pc:sldMk cId="632504311" sldId="270"/>
        </pc:sldMkLst>
        <pc:spChg chg="mod">
          <ac:chgData name="Lone Egelund Larsen" userId="3d158bbe-f9e9-4995-8069-a4e8efbc9c4e" providerId="ADAL" clId="{A0F7BC57-8CF1-42A6-96C2-63786BFA9046}" dt="2023-06-05T08:14:17.391" v="3691" actId="1076"/>
          <ac:spMkLst>
            <pc:docMk/>
            <pc:sldMk cId="632504311" sldId="270"/>
            <ac:spMk id="3" creationId="{51594341-2E51-9FF0-5DE5-51FE4D81C9EA}"/>
          </ac:spMkLst>
        </pc:spChg>
        <pc:spChg chg="mod">
          <ac:chgData name="Lone Egelund Larsen" userId="3d158bbe-f9e9-4995-8069-a4e8efbc9c4e" providerId="ADAL" clId="{A0F7BC57-8CF1-42A6-96C2-63786BFA9046}" dt="2023-06-05T08:21:05.044" v="4429" actId="14100"/>
          <ac:spMkLst>
            <pc:docMk/>
            <pc:sldMk cId="632504311" sldId="270"/>
            <ac:spMk id="4" creationId="{0DA6E81B-9200-0B0D-29C0-4DC31641133F}"/>
          </ac:spMkLst>
        </pc:spChg>
        <pc:spChg chg="mod">
          <ac:chgData name="Lone Egelund Larsen" userId="3d158bbe-f9e9-4995-8069-a4e8efbc9c4e" providerId="ADAL" clId="{A0F7BC57-8CF1-42A6-96C2-63786BFA9046}" dt="2023-06-05T12:59:36.899" v="4467" actId="20577"/>
          <ac:spMkLst>
            <pc:docMk/>
            <pc:sldMk cId="632504311" sldId="270"/>
            <ac:spMk id="6" creationId="{FD1FAB42-32F9-158A-BA6D-6D269DBD35D2}"/>
          </ac:spMkLst>
        </pc:spChg>
        <pc:spChg chg="del mod">
          <ac:chgData name="Lone Egelund Larsen" userId="3d158bbe-f9e9-4995-8069-a4e8efbc9c4e" providerId="ADAL" clId="{A0F7BC57-8CF1-42A6-96C2-63786BFA9046}" dt="2023-06-04T18:46:20.554" v="1247"/>
          <ac:spMkLst>
            <pc:docMk/>
            <pc:sldMk cId="632504311" sldId="270"/>
            <ac:spMk id="8" creationId="{8E7305B5-8D37-DCEE-D059-6B2CC7BE9D07}"/>
          </ac:spMkLst>
        </pc:spChg>
        <pc:spChg chg="add del mod topLvl">
          <ac:chgData name="Lone Egelund Larsen" userId="3d158bbe-f9e9-4995-8069-a4e8efbc9c4e" providerId="ADAL" clId="{A0F7BC57-8CF1-42A6-96C2-63786BFA9046}" dt="2023-06-05T07:16:01.070" v="1939" actId="478"/>
          <ac:spMkLst>
            <pc:docMk/>
            <pc:sldMk cId="632504311" sldId="270"/>
            <ac:spMk id="9" creationId="{8880F1D5-E7A3-8B23-5D8E-0EBB586F758F}"/>
          </ac:spMkLst>
        </pc:spChg>
        <pc:spChg chg="del mod">
          <ac:chgData name="Lone Egelund Larsen" userId="3d158bbe-f9e9-4995-8069-a4e8efbc9c4e" providerId="ADAL" clId="{A0F7BC57-8CF1-42A6-96C2-63786BFA9046}" dt="2023-06-04T19:11:06.697" v="1343" actId="478"/>
          <ac:spMkLst>
            <pc:docMk/>
            <pc:sldMk cId="632504311" sldId="270"/>
            <ac:spMk id="12" creationId="{12368B27-AC68-C6FC-8623-99385C072B76}"/>
          </ac:spMkLst>
        </pc:spChg>
        <pc:spChg chg="del mod">
          <ac:chgData name="Lone Egelund Larsen" userId="3d158bbe-f9e9-4995-8069-a4e8efbc9c4e" providerId="ADAL" clId="{A0F7BC57-8CF1-42A6-96C2-63786BFA9046}" dt="2023-06-05T07:01:05.450" v="1404" actId="21"/>
          <ac:spMkLst>
            <pc:docMk/>
            <pc:sldMk cId="632504311" sldId="270"/>
            <ac:spMk id="13" creationId="{B7842C1F-4498-29CA-FD2F-CC69D01592BC}"/>
          </ac:spMkLst>
        </pc:spChg>
        <pc:spChg chg="add mod topLvl">
          <ac:chgData name="Lone Egelund Larsen" userId="3d158bbe-f9e9-4995-8069-a4e8efbc9c4e" providerId="ADAL" clId="{A0F7BC57-8CF1-42A6-96C2-63786BFA9046}" dt="2023-06-05T08:23:02.675" v="4448" actId="14100"/>
          <ac:spMkLst>
            <pc:docMk/>
            <pc:sldMk cId="632504311" sldId="270"/>
            <ac:spMk id="14" creationId="{32C67421-C9E0-19FC-B135-70D237263F41}"/>
          </ac:spMkLst>
        </pc:spChg>
        <pc:spChg chg="del mod topLvl">
          <ac:chgData name="Lone Egelund Larsen" userId="3d158bbe-f9e9-4995-8069-a4e8efbc9c4e" providerId="ADAL" clId="{A0F7BC57-8CF1-42A6-96C2-63786BFA9046}" dt="2023-06-05T07:20:30.526" v="2091" actId="478"/>
          <ac:spMkLst>
            <pc:docMk/>
            <pc:sldMk cId="632504311" sldId="270"/>
            <ac:spMk id="18" creationId="{F0D9CCDE-D0B5-A896-FCFD-20911745281B}"/>
          </ac:spMkLst>
        </pc:spChg>
        <pc:spChg chg="mod topLvl">
          <ac:chgData name="Lone Egelund Larsen" userId="3d158bbe-f9e9-4995-8069-a4e8efbc9c4e" providerId="ADAL" clId="{A0F7BC57-8CF1-42A6-96C2-63786BFA9046}" dt="2023-06-05T08:23:05.009" v="4449" actId="14100"/>
          <ac:spMkLst>
            <pc:docMk/>
            <pc:sldMk cId="632504311" sldId="270"/>
            <ac:spMk id="20" creationId="{1F85D913-8122-691E-A29F-6C36EE900AB9}"/>
          </ac:spMkLst>
        </pc:spChg>
        <pc:spChg chg="add mod ord">
          <ac:chgData name="Lone Egelund Larsen" userId="3d158bbe-f9e9-4995-8069-a4e8efbc9c4e" providerId="ADAL" clId="{A0F7BC57-8CF1-42A6-96C2-63786BFA9046}" dt="2023-06-05T08:12:34.858" v="3676" actId="403"/>
          <ac:spMkLst>
            <pc:docMk/>
            <pc:sldMk cId="632504311" sldId="270"/>
            <ac:spMk id="21" creationId="{5C46AA08-3900-6DE6-490F-D8A981B51CB5}"/>
          </ac:spMkLst>
        </pc:spChg>
        <pc:spChg chg="add mod">
          <ac:chgData name="Lone Egelund Larsen" userId="3d158bbe-f9e9-4995-8069-a4e8efbc9c4e" providerId="ADAL" clId="{A0F7BC57-8CF1-42A6-96C2-63786BFA9046}" dt="2023-06-05T08:23:07.930" v="4450" actId="14100"/>
          <ac:spMkLst>
            <pc:docMk/>
            <pc:sldMk cId="632504311" sldId="270"/>
            <ac:spMk id="22" creationId="{B9BACFCA-E3A2-5B63-C7C0-E7FE652CAEEE}"/>
          </ac:spMkLst>
        </pc:spChg>
        <pc:spChg chg="add mod">
          <ac:chgData name="Lone Egelund Larsen" userId="3d158bbe-f9e9-4995-8069-a4e8efbc9c4e" providerId="ADAL" clId="{A0F7BC57-8CF1-42A6-96C2-63786BFA9046}" dt="2023-06-05T08:23:00.228" v="4447" actId="14100"/>
          <ac:spMkLst>
            <pc:docMk/>
            <pc:sldMk cId="632504311" sldId="270"/>
            <ac:spMk id="23" creationId="{14C98C1B-5ACE-0AFE-099E-581386A1693C}"/>
          </ac:spMkLst>
        </pc:spChg>
        <pc:spChg chg="add mod">
          <ac:chgData name="Lone Egelund Larsen" userId="3d158bbe-f9e9-4995-8069-a4e8efbc9c4e" providerId="ADAL" clId="{A0F7BC57-8CF1-42A6-96C2-63786BFA9046}" dt="2023-06-05T12:23:48.527" v="4456" actId="1076"/>
          <ac:spMkLst>
            <pc:docMk/>
            <pc:sldMk cId="632504311" sldId="270"/>
            <ac:spMk id="25" creationId="{5290B343-CE39-41FB-52A3-C6E49D04430E}"/>
          </ac:spMkLst>
        </pc:spChg>
        <pc:spChg chg="add mod">
          <ac:chgData name="Lone Egelund Larsen" userId="3d158bbe-f9e9-4995-8069-a4e8efbc9c4e" providerId="ADAL" clId="{A0F7BC57-8CF1-42A6-96C2-63786BFA9046}" dt="2023-06-05T08:12:34.858" v="3676" actId="403"/>
          <ac:spMkLst>
            <pc:docMk/>
            <pc:sldMk cId="632504311" sldId="270"/>
            <ac:spMk id="27" creationId="{158C0EF2-BDF9-95B0-935E-DDF25F45B974}"/>
          </ac:spMkLst>
        </pc:spChg>
        <pc:spChg chg="mod">
          <ac:chgData name="Lone Egelund Larsen" userId="3d158bbe-f9e9-4995-8069-a4e8efbc9c4e" providerId="ADAL" clId="{A0F7BC57-8CF1-42A6-96C2-63786BFA9046}" dt="2023-06-05T08:22:29.757" v="4445" actId="404"/>
          <ac:spMkLst>
            <pc:docMk/>
            <pc:sldMk cId="632504311" sldId="270"/>
            <ac:spMk id="31" creationId="{AD852213-B3A5-4B11-3785-AA8F37B5C057}"/>
          </ac:spMkLst>
        </pc:spChg>
        <pc:grpChg chg="add del mod">
          <ac:chgData name="Lone Egelund Larsen" userId="3d158bbe-f9e9-4995-8069-a4e8efbc9c4e" providerId="ADAL" clId="{A0F7BC57-8CF1-42A6-96C2-63786BFA9046}" dt="2023-06-05T07:16:01.070" v="1939" actId="478"/>
          <ac:grpSpMkLst>
            <pc:docMk/>
            <pc:sldMk cId="632504311" sldId="270"/>
            <ac:grpSpMk id="16" creationId="{A2CD6B86-59C2-96E4-5291-06A48FA21074}"/>
          </ac:grpSpMkLst>
        </pc:grpChg>
        <pc:grpChg chg="add del mod">
          <ac:chgData name="Lone Egelund Larsen" userId="3d158bbe-f9e9-4995-8069-a4e8efbc9c4e" providerId="ADAL" clId="{A0F7BC57-8CF1-42A6-96C2-63786BFA9046}" dt="2023-06-05T07:20:30.526" v="2091" actId="478"/>
          <ac:grpSpMkLst>
            <pc:docMk/>
            <pc:sldMk cId="632504311" sldId="270"/>
            <ac:grpSpMk id="17" creationId="{BBF75C42-C7C6-1982-65CB-C32647A38812}"/>
          </ac:grpSpMkLst>
        </pc:grpChg>
        <pc:graphicFrameChg chg="add del mod">
          <ac:chgData name="Lone Egelund Larsen" userId="3d158bbe-f9e9-4995-8069-a4e8efbc9c4e" providerId="ADAL" clId="{A0F7BC57-8CF1-42A6-96C2-63786BFA9046}" dt="2023-06-05T07:15:44.354" v="1933" actId="478"/>
          <ac:graphicFrameMkLst>
            <pc:docMk/>
            <pc:sldMk cId="632504311" sldId="270"/>
            <ac:graphicFrameMk id="12" creationId="{61E84456-8EE7-8861-854B-21B2B366CDCB}"/>
          </ac:graphicFrameMkLst>
        </pc:graphicFrameChg>
        <pc:graphicFrameChg chg="add del mod">
          <ac:chgData name="Lone Egelund Larsen" userId="3d158bbe-f9e9-4995-8069-a4e8efbc9c4e" providerId="ADAL" clId="{A0F7BC57-8CF1-42A6-96C2-63786BFA9046}" dt="2023-06-05T07:12:03.328" v="1797"/>
          <ac:graphicFrameMkLst>
            <pc:docMk/>
            <pc:sldMk cId="632504311" sldId="270"/>
            <ac:graphicFrameMk id="15" creationId="{4F412E0A-7517-CCE9-A086-963662CC841D}"/>
          </ac:graphicFrameMkLst>
        </pc:graphicFrameChg>
        <pc:graphicFrameChg chg="del mod">
          <ac:chgData name="Lone Egelund Larsen" userId="3d158bbe-f9e9-4995-8069-a4e8efbc9c4e" providerId="ADAL" clId="{A0F7BC57-8CF1-42A6-96C2-63786BFA9046}" dt="2023-06-05T07:20:27.765" v="2090" actId="478"/>
          <ac:graphicFrameMkLst>
            <pc:docMk/>
            <pc:sldMk cId="632504311" sldId="270"/>
            <ac:graphicFrameMk id="19" creationId="{62D321E8-C7D8-C6DE-C88F-0A6A656921DB}"/>
          </ac:graphicFrameMkLst>
        </pc:graphicFrameChg>
        <pc:picChg chg="add mod">
          <ac:chgData name="Lone Egelund Larsen" userId="3d158bbe-f9e9-4995-8069-a4e8efbc9c4e" providerId="ADAL" clId="{A0F7BC57-8CF1-42A6-96C2-63786BFA9046}" dt="2023-06-05T08:21:38.256" v="4433" actId="1037"/>
          <ac:picMkLst>
            <pc:docMk/>
            <pc:sldMk cId="632504311" sldId="270"/>
            <ac:picMk id="2" creationId="{22A7BC2C-DDB5-8CD6-79C3-19D08A9192CF}"/>
          </ac:picMkLst>
        </pc:picChg>
        <pc:picChg chg="add mod">
          <ac:chgData name="Lone Egelund Larsen" userId="3d158bbe-f9e9-4995-8069-a4e8efbc9c4e" providerId="ADAL" clId="{A0F7BC57-8CF1-42A6-96C2-63786BFA9046}" dt="2023-06-05T08:21:35.773" v="4432" actId="1037"/>
          <ac:picMkLst>
            <pc:docMk/>
            <pc:sldMk cId="632504311" sldId="270"/>
            <ac:picMk id="5" creationId="{C8818793-7BD8-F370-852D-6529F327AED5}"/>
          </ac:picMkLst>
        </pc:picChg>
        <pc:picChg chg="add mod">
          <ac:chgData name="Lone Egelund Larsen" userId="3d158bbe-f9e9-4995-8069-a4e8efbc9c4e" providerId="ADAL" clId="{A0F7BC57-8CF1-42A6-96C2-63786BFA9046}" dt="2023-06-05T08:20:41.029" v="4425" actId="1076"/>
          <ac:picMkLst>
            <pc:docMk/>
            <pc:sldMk cId="632504311" sldId="270"/>
            <ac:picMk id="7" creationId="{E8537374-BB44-EFF0-9B8F-29045DB29C66}"/>
          </ac:picMkLst>
        </pc:picChg>
        <pc:picChg chg="del mod">
          <ac:chgData name="Lone Egelund Larsen" userId="3d158bbe-f9e9-4995-8069-a4e8efbc9c4e" providerId="ADAL" clId="{A0F7BC57-8CF1-42A6-96C2-63786BFA9046}" dt="2023-06-04T18:37:15.461" v="748" actId="478"/>
          <ac:picMkLst>
            <pc:docMk/>
            <pc:sldMk cId="632504311" sldId="270"/>
            <ac:picMk id="15" creationId="{7A6238A7-3ADF-C838-C738-A4DDE360FE25}"/>
          </ac:picMkLst>
        </pc:picChg>
        <pc:picChg chg="del mod">
          <ac:chgData name="Lone Egelund Larsen" userId="3d158bbe-f9e9-4995-8069-a4e8efbc9c4e" providerId="ADAL" clId="{A0F7BC57-8CF1-42A6-96C2-63786BFA9046}" dt="2023-06-04T18:37:12.801" v="746" actId="478"/>
          <ac:picMkLst>
            <pc:docMk/>
            <pc:sldMk cId="632504311" sldId="270"/>
            <ac:picMk id="17" creationId="{9B0FEDBC-164C-5AB1-B03B-6B21E9DBD7EE}"/>
          </ac:picMkLst>
        </pc:picChg>
        <pc:picChg chg="del mod">
          <ac:chgData name="Lone Egelund Larsen" userId="3d158bbe-f9e9-4995-8069-a4e8efbc9c4e" providerId="ADAL" clId="{A0F7BC57-8CF1-42A6-96C2-63786BFA9046}" dt="2023-06-04T18:37:13.858" v="747" actId="478"/>
          <ac:picMkLst>
            <pc:docMk/>
            <pc:sldMk cId="632504311" sldId="270"/>
            <ac:picMk id="19" creationId="{CDD4325B-D52B-84D3-14DD-B98FCE976F19}"/>
          </ac:picMkLst>
        </pc:picChg>
        <pc:picChg chg="mod">
          <ac:chgData name="Lone Egelund Larsen" userId="3d158bbe-f9e9-4995-8069-a4e8efbc9c4e" providerId="ADAL" clId="{A0F7BC57-8CF1-42A6-96C2-63786BFA9046}" dt="2023-06-05T08:36:55.519" v="4453"/>
          <ac:picMkLst>
            <pc:docMk/>
            <pc:sldMk cId="632504311" sldId="270"/>
            <ac:picMk id="28" creationId="{7ADDA8C6-A398-075C-3705-9BF5FA91FDA7}"/>
          </ac:picMkLst>
        </pc:picChg>
        <pc:extLst>
          <p:ext xmlns:p="http://schemas.openxmlformats.org/presentationml/2006/main" uri="{D6D511B9-2390-475A-947B-AFAB55BFBCF1}">
            <pc226:cmChg xmlns:pc226="http://schemas.microsoft.com/office/powerpoint/2022/06/main/command" chg="del mod">
              <pc226:chgData name="Lone Egelund Larsen" userId="3d158bbe-f9e9-4995-8069-a4e8efbc9c4e" providerId="ADAL" clId="{A0F7BC57-8CF1-42A6-96C2-63786BFA9046}" dt="2023-06-05T08:21:44.815" v="4434"/>
              <pc2:cmMkLst xmlns:pc2="http://schemas.microsoft.com/office/powerpoint/2019/9/main/command">
                <pc:docMk/>
                <pc:sldMk cId="632504311" sldId="270"/>
                <pc2:cmMk id="{E630561C-F020-4CD0-8EB6-05CDA4B518CB}"/>
              </pc2:cmMkLst>
            </pc226:cmChg>
          </p:ext>
        </pc:extLst>
      </pc:sldChg>
      <pc:sldChg chg="delSp modSp add del mod">
        <pc:chgData name="Lone Egelund Larsen" userId="3d158bbe-f9e9-4995-8069-a4e8efbc9c4e" providerId="ADAL" clId="{A0F7BC57-8CF1-42A6-96C2-63786BFA9046}" dt="2023-06-05T08:21:47.875" v="4435" actId="47"/>
        <pc:sldMkLst>
          <pc:docMk/>
          <pc:sldMk cId="3805177497" sldId="271"/>
        </pc:sldMkLst>
        <pc:spChg chg="del">
          <ac:chgData name="Lone Egelund Larsen" userId="3d158bbe-f9e9-4995-8069-a4e8efbc9c4e" providerId="ADAL" clId="{A0F7BC57-8CF1-42A6-96C2-63786BFA9046}" dt="2023-06-05T07:02:58.262" v="1420" actId="478"/>
          <ac:spMkLst>
            <pc:docMk/>
            <pc:sldMk cId="3805177497" sldId="271"/>
            <ac:spMk id="6" creationId="{FD1FAB42-32F9-158A-BA6D-6D269DBD35D2}"/>
          </ac:spMkLst>
        </pc:spChg>
        <pc:spChg chg="mod">
          <ac:chgData name="Lone Egelund Larsen" userId="3d158bbe-f9e9-4995-8069-a4e8efbc9c4e" providerId="ADAL" clId="{A0F7BC57-8CF1-42A6-96C2-63786BFA9046}" dt="2023-06-05T07:47:04.311" v="2491" actId="21"/>
          <ac:spMkLst>
            <pc:docMk/>
            <pc:sldMk cId="3805177497" sldId="271"/>
            <ac:spMk id="13" creationId="{B7842C1F-4498-29CA-FD2F-CC69D01592BC}"/>
          </ac:spMkLst>
        </pc:spChg>
        <pc:picChg chg="del">
          <ac:chgData name="Lone Egelund Larsen" userId="3d158bbe-f9e9-4995-8069-a4e8efbc9c4e" providerId="ADAL" clId="{A0F7BC57-8CF1-42A6-96C2-63786BFA9046}" dt="2023-06-05T07:03:09.622" v="1422" actId="478"/>
          <ac:picMkLst>
            <pc:docMk/>
            <pc:sldMk cId="3805177497" sldId="271"/>
            <ac:picMk id="2" creationId="{22A7BC2C-DDB5-8CD6-79C3-19D08A9192CF}"/>
          </ac:picMkLst>
        </pc:picChg>
        <pc:picChg chg="del">
          <ac:chgData name="Lone Egelund Larsen" userId="3d158bbe-f9e9-4995-8069-a4e8efbc9c4e" providerId="ADAL" clId="{A0F7BC57-8CF1-42A6-96C2-63786BFA9046}" dt="2023-06-05T07:03:09.622" v="1422" actId="478"/>
          <ac:picMkLst>
            <pc:docMk/>
            <pc:sldMk cId="3805177497" sldId="271"/>
            <ac:picMk id="5" creationId="{C8818793-7BD8-F370-852D-6529F327AED5}"/>
          </ac:picMkLst>
        </pc:picChg>
        <pc:picChg chg="del">
          <ac:chgData name="Lone Egelund Larsen" userId="3d158bbe-f9e9-4995-8069-a4e8efbc9c4e" providerId="ADAL" clId="{A0F7BC57-8CF1-42A6-96C2-63786BFA9046}" dt="2023-06-05T07:03:09.622" v="1422" actId="478"/>
          <ac:picMkLst>
            <pc:docMk/>
            <pc:sldMk cId="3805177497" sldId="271"/>
            <ac:picMk id="7" creationId="{E8537374-BB44-EFF0-9B8F-29045DB29C66}"/>
          </ac:picMkLst>
        </pc:picChg>
      </pc:sldChg>
      <pc:sldChg chg="modSp add del mod">
        <pc:chgData name="Lone Egelund Larsen" userId="3d158bbe-f9e9-4995-8069-a4e8efbc9c4e" providerId="ADAL" clId="{A0F7BC57-8CF1-42A6-96C2-63786BFA9046}" dt="2023-06-04T19:09:26.695" v="1269" actId="47"/>
        <pc:sldMkLst>
          <pc:docMk/>
          <pc:sldMk cId="3913915152" sldId="271"/>
        </pc:sldMkLst>
        <pc:spChg chg="mod">
          <ac:chgData name="Lone Egelund Larsen" userId="3d158bbe-f9e9-4995-8069-a4e8efbc9c4e" providerId="ADAL" clId="{A0F7BC57-8CF1-42A6-96C2-63786BFA9046}" dt="2023-06-04T17:32:08.121" v="740" actId="1076"/>
          <ac:spMkLst>
            <pc:docMk/>
            <pc:sldMk cId="3913915152" sldId="271"/>
            <ac:spMk id="6" creationId="{FD1FAB42-32F9-158A-BA6D-6D269DBD35D2}"/>
          </ac:spMkLst>
        </pc:spChg>
        <pc:spChg chg="mod">
          <ac:chgData name="Lone Egelund Larsen" userId="3d158bbe-f9e9-4995-8069-a4e8efbc9c4e" providerId="ADAL" clId="{A0F7BC57-8CF1-42A6-96C2-63786BFA9046}" dt="2023-06-04T17:32:08.121" v="740" actId="1076"/>
          <ac:spMkLst>
            <pc:docMk/>
            <pc:sldMk cId="3913915152" sldId="271"/>
            <ac:spMk id="8" creationId="{8E7305B5-8D37-DCEE-D059-6B2CC7BE9D07}"/>
          </ac:spMkLst>
        </pc:spChg>
        <pc:spChg chg="mod">
          <ac:chgData name="Lone Egelund Larsen" userId="3d158bbe-f9e9-4995-8069-a4e8efbc9c4e" providerId="ADAL" clId="{A0F7BC57-8CF1-42A6-96C2-63786BFA9046}" dt="2023-06-04T17:32:08.121" v="740" actId="1076"/>
          <ac:spMkLst>
            <pc:docMk/>
            <pc:sldMk cId="3913915152" sldId="271"/>
            <ac:spMk id="12" creationId="{12368B27-AC68-C6FC-8623-99385C072B76}"/>
          </ac:spMkLst>
        </pc:spChg>
        <pc:picChg chg="mod">
          <ac:chgData name="Lone Egelund Larsen" userId="3d158bbe-f9e9-4995-8069-a4e8efbc9c4e" providerId="ADAL" clId="{A0F7BC57-8CF1-42A6-96C2-63786BFA9046}" dt="2023-06-04T17:32:08.121" v="740" actId="1076"/>
          <ac:picMkLst>
            <pc:docMk/>
            <pc:sldMk cId="3913915152" sldId="271"/>
            <ac:picMk id="15" creationId="{7A6238A7-3ADF-C838-C738-A4DDE360FE25}"/>
          </ac:picMkLst>
        </pc:picChg>
        <pc:picChg chg="mod">
          <ac:chgData name="Lone Egelund Larsen" userId="3d158bbe-f9e9-4995-8069-a4e8efbc9c4e" providerId="ADAL" clId="{A0F7BC57-8CF1-42A6-96C2-63786BFA9046}" dt="2023-06-04T17:32:08.121" v="740" actId="1076"/>
          <ac:picMkLst>
            <pc:docMk/>
            <pc:sldMk cId="3913915152" sldId="271"/>
            <ac:picMk id="17" creationId="{9B0FEDBC-164C-5AB1-B03B-6B21E9DBD7EE}"/>
          </ac:picMkLst>
        </pc:picChg>
        <pc:picChg chg="mod">
          <ac:chgData name="Lone Egelund Larsen" userId="3d158bbe-f9e9-4995-8069-a4e8efbc9c4e" providerId="ADAL" clId="{A0F7BC57-8CF1-42A6-96C2-63786BFA9046}" dt="2023-06-04T17:32:08.121" v="740" actId="1076"/>
          <ac:picMkLst>
            <pc:docMk/>
            <pc:sldMk cId="3913915152" sldId="271"/>
            <ac:picMk id="19" creationId="{CDD4325B-D52B-84D3-14DD-B98FCE976F19}"/>
          </ac:picMkLst>
        </pc:picChg>
      </pc:sldChg>
      <pc:sldChg chg="addSp delSp modSp add del mod">
        <pc:chgData name="Lone Egelund Larsen" userId="3d158bbe-f9e9-4995-8069-a4e8efbc9c4e" providerId="ADAL" clId="{A0F7BC57-8CF1-42A6-96C2-63786BFA9046}" dt="2023-06-04T19:14:22.325" v="1362" actId="47"/>
        <pc:sldMkLst>
          <pc:docMk/>
          <pc:sldMk cId="463918299" sldId="272"/>
        </pc:sldMkLst>
        <pc:spChg chg="del">
          <ac:chgData name="Lone Egelund Larsen" userId="3d158bbe-f9e9-4995-8069-a4e8efbc9c4e" providerId="ADAL" clId="{A0F7BC57-8CF1-42A6-96C2-63786BFA9046}" dt="2023-06-02T12:19:51.960" v="658" actId="478"/>
          <ac:spMkLst>
            <pc:docMk/>
            <pc:sldMk cId="463918299" sldId="272"/>
            <ac:spMk id="3" creationId="{51594341-2E51-9FF0-5DE5-51FE4D81C9EA}"/>
          </ac:spMkLst>
        </pc:spChg>
        <pc:spChg chg="mod">
          <ac:chgData name="Lone Egelund Larsen" userId="3d158bbe-f9e9-4995-8069-a4e8efbc9c4e" providerId="ADAL" clId="{A0F7BC57-8CF1-42A6-96C2-63786BFA9046}" dt="2023-06-04T17:32:47.615" v="745" actId="1076"/>
          <ac:spMkLst>
            <pc:docMk/>
            <pc:sldMk cId="463918299" sldId="272"/>
            <ac:spMk id="4" creationId="{0DA6E81B-9200-0B0D-29C0-4DC31641133F}"/>
          </ac:spMkLst>
        </pc:spChg>
        <pc:spChg chg="add del mod">
          <ac:chgData name="Lone Egelund Larsen" userId="3d158bbe-f9e9-4995-8069-a4e8efbc9c4e" providerId="ADAL" clId="{A0F7BC57-8CF1-42A6-96C2-63786BFA9046}" dt="2023-06-02T12:19:53.259" v="659" actId="478"/>
          <ac:spMkLst>
            <pc:docMk/>
            <pc:sldMk cId="463918299" sldId="272"/>
            <ac:spMk id="7" creationId="{F1140961-8F9A-8083-E273-0F1F41885F9D}"/>
          </ac:spMkLst>
        </pc:spChg>
        <pc:spChg chg="mod">
          <ac:chgData name="Lone Egelund Larsen" userId="3d158bbe-f9e9-4995-8069-a4e8efbc9c4e" providerId="ADAL" clId="{A0F7BC57-8CF1-42A6-96C2-63786BFA9046}" dt="2023-06-02T12:20:27.143" v="697" actId="14100"/>
          <ac:spMkLst>
            <pc:docMk/>
            <pc:sldMk cId="463918299" sldId="272"/>
            <ac:spMk id="13" creationId="{B7842C1F-4498-29CA-FD2F-CC69D01592BC}"/>
          </ac:spMkLst>
        </pc:spChg>
        <pc:graphicFrameChg chg="add mod modGraphic">
          <ac:chgData name="Lone Egelund Larsen" userId="3d158bbe-f9e9-4995-8069-a4e8efbc9c4e" providerId="ADAL" clId="{A0F7BC57-8CF1-42A6-96C2-63786BFA9046}" dt="2023-06-04T17:32:37.151" v="744" actId="1076"/>
          <ac:graphicFrameMkLst>
            <pc:docMk/>
            <pc:sldMk cId="463918299" sldId="272"/>
            <ac:graphicFrameMk id="2" creationId="{6B19FEC4-435D-CB74-2912-6EAD7C23C496}"/>
          </ac:graphicFrameMkLst>
        </pc:graphicFrameChg>
        <pc:picChg chg="mod">
          <ac:chgData name="Lone Egelund Larsen" userId="3d158bbe-f9e9-4995-8069-a4e8efbc9c4e" providerId="ADAL" clId="{A0F7BC57-8CF1-42A6-96C2-63786BFA9046}" dt="2023-06-04T19:10:19.678" v="1281" actId="1076"/>
          <ac:picMkLst>
            <pc:docMk/>
            <pc:sldMk cId="463918299" sldId="272"/>
            <ac:picMk id="19" creationId="{CDD4325B-D52B-84D3-14DD-B98FCE976F19}"/>
          </ac:picMkLst>
        </pc:picChg>
      </pc:sldChg>
    </pc:docChg>
  </pc:docChgLst>
  <pc:docChgLst>
    <pc:chgData name="Trine Fuglsang" userId="S::trfu@kp.dk::2ed6e0b9-15c1-4916-bcff-e6168f3cf3b8" providerId="AD" clId="Web-{3503AAC3-19E2-00D2-2DF0-537DC9292A88}"/>
    <pc:docChg chg="mod">
      <pc:chgData name="Trine Fuglsang" userId="S::trfu@kp.dk::2ed6e0b9-15c1-4916-bcff-e6168f3cf3b8" providerId="AD" clId="Web-{3503AAC3-19E2-00D2-2DF0-537DC9292A88}" dt="2023-06-05T05:59:30.646" v="1"/>
      <pc:docMkLst>
        <pc:docMk/>
      </pc:docMkLst>
      <pc:sldChg chg="addCm">
        <pc:chgData name="Trine Fuglsang" userId="S::trfu@kp.dk::2ed6e0b9-15c1-4916-bcff-e6168f3cf3b8" providerId="AD" clId="Web-{3503AAC3-19E2-00D2-2DF0-537DC9292A88}" dt="2023-06-05T05:59:30.646" v="1"/>
        <pc:sldMkLst>
          <pc:docMk/>
          <pc:sldMk cId="632504311" sldId="270"/>
        </pc:sldMkLst>
        <pc:extLst>
          <p:ext xmlns:p="http://schemas.openxmlformats.org/presentationml/2006/main" uri="{D6D511B9-2390-475A-947B-AFAB55BFBCF1}">
            <pc226:cmChg xmlns:pc226="http://schemas.microsoft.com/office/powerpoint/2022/06/main/command" chg="add">
              <pc226:chgData name="Trine Fuglsang" userId="S::trfu@kp.dk::2ed6e0b9-15c1-4916-bcff-e6168f3cf3b8" providerId="AD" clId="Web-{3503AAC3-19E2-00D2-2DF0-537DC9292A88}" dt="2023-06-05T05:59:30.646" v="1"/>
              <pc2:cmMkLst xmlns:pc2="http://schemas.microsoft.com/office/powerpoint/2019/9/main/command">
                <pc:docMk/>
                <pc:sldMk cId="632504311" sldId="270"/>
                <pc2:cmMk id="{E630561C-F020-4CD0-8EB6-05CDA4B518CB}"/>
              </pc2:cmMkLst>
            </pc226:cmChg>
          </p:ext>
        </pc:extLst>
      </pc:sld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1"/>
            <a:ext cx="2946135" cy="497838"/>
          </a:xfrm>
          <a:prstGeom prst="rect">
            <a:avLst/>
          </a:prstGeom>
        </p:spPr>
        <p:txBody>
          <a:bodyPr vert="horz" lIns="91321" tIns="45661" rIns="91321" bIns="45661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49955" y="1"/>
            <a:ext cx="2946135" cy="497838"/>
          </a:xfrm>
          <a:prstGeom prst="rect">
            <a:avLst/>
          </a:prstGeom>
        </p:spPr>
        <p:txBody>
          <a:bodyPr vert="horz" lIns="91321" tIns="45661" rIns="91321" bIns="45661" rtlCol="0"/>
          <a:lstStyle>
            <a:lvl1pPr algn="r">
              <a:defRPr sz="1200"/>
            </a:lvl1pPr>
          </a:lstStyle>
          <a:p>
            <a:fld id="{3BDBD347-9913-4ABB-8A43-9B8FF372A2DD}" type="datetimeFigureOut">
              <a:rPr lang="en-US"/>
              <a:t>6/7/2023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28800"/>
            <a:ext cx="2946135" cy="497838"/>
          </a:xfrm>
          <a:prstGeom prst="rect">
            <a:avLst/>
          </a:prstGeom>
        </p:spPr>
        <p:txBody>
          <a:bodyPr vert="horz" lIns="91321" tIns="45661" rIns="91321" bIns="45661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49955" y="9428800"/>
            <a:ext cx="2946135" cy="497838"/>
          </a:xfrm>
          <a:prstGeom prst="rect">
            <a:avLst/>
          </a:prstGeom>
        </p:spPr>
        <p:txBody>
          <a:bodyPr vert="horz" lIns="91321" tIns="45661" rIns="91321" bIns="45661" rtlCol="0" anchor="b"/>
          <a:lstStyle>
            <a:lvl1pPr algn="r">
              <a:defRPr sz="1200"/>
            </a:lvl1pPr>
          </a:lstStyle>
          <a:p>
            <a:fld id="{8B116402-ABF7-47D5-AC3C-5EC41B4152DB}" type="slidenum">
              <a:rPr lang="en-US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12812559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6135" cy="496253"/>
          </a:xfrm>
          <a:prstGeom prst="rect">
            <a:avLst/>
          </a:prstGeom>
        </p:spPr>
        <p:txBody>
          <a:bodyPr vert="horz" lIns="91321" tIns="45661" rIns="91321" bIns="45661" rtlCol="0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49955" y="0"/>
            <a:ext cx="2946135" cy="496253"/>
          </a:xfrm>
          <a:prstGeom prst="rect">
            <a:avLst/>
          </a:prstGeom>
        </p:spPr>
        <p:txBody>
          <a:bodyPr vert="horz" lIns="91321" tIns="45661" rIns="91321" bIns="45661" rtlCol="0"/>
          <a:lstStyle>
            <a:lvl1pPr algn="r">
              <a:defRPr sz="1200"/>
            </a:lvl1pPr>
          </a:lstStyle>
          <a:p>
            <a:fld id="{FA120F30-42D0-4B58-B5B5-52B23DE7A863}" type="datetimeFigureOut">
              <a:rPr lang="da-DK"/>
              <a:pPr/>
              <a:t>07-06-2023</a:t>
            </a:fld>
            <a:endParaRPr lang="en-GB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2084388" y="744538"/>
            <a:ext cx="2630487" cy="3721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321" tIns="45661" rIns="91321" bIns="45661" rtlCol="0" anchor="ctr"/>
          <a:lstStyle/>
          <a:p>
            <a:endParaRPr lang="en-GB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0244" y="4715192"/>
            <a:ext cx="5437188" cy="4466274"/>
          </a:xfrm>
          <a:prstGeom prst="rect">
            <a:avLst/>
          </a:prstGeom>
        </p:spPr>
        <p:txBody>
          <a:bodyPr vert="horz" lIns="91321" tIns="45661" rIns="91321" bIns="45661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28800"/>
            <a:ext cx="2946135" cy="496252"/>
          </a:xfrm>
          <a:prstGeom prst="rect">
            <a:avLst/>
          </a:prstGeom>
        </p:spPr>
        <p:txBody>
          <a:bodyPr vert="horz" lIns="91321" tIns="45661" rIns="91321" bIns="45661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49955" y="9428800"/>
            <a:ext cx="2946135" cy="496252"/>
          </a:xfrm>
          <a:prstGeom prst="rect">
            <a:avLst/>
          </a:prstGeom>
        </p:spPr>
        <p:txBody>
          <a:bodyPr vert="horz" lIns="91321" tIns="45661" rIns="91321" bIns="45661" rtlCol="0" anchor="b"/>
          <a:lstStyle>
            <a:lvl1pPr algn="r">
              <a:defRPr sz="1200"/>
            </a:lvl1pPr>
          </a:lstStyle>
          <a:p>
            <a:fld id="{2336C548-B58F-4577-956A-A567C7589401}" type="slidenum">
              <a:rPr lang="en-GB"/>
              <a:pPr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9128366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2084388" y="744538"/>
            <a:ext cx="2630487" cy="3721100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336C548-B58F-4577-956A-A567C7589401}" type="slidenum">
              <a:rPr lang="en-GB" smtClean="0"/>
              <a:pPr/>
              <a:t>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5965382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side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ggrund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0" y="0"/>
            <a:ext cx="7559675" cy="10691813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488"/>
          </a:p>
        </p:txBody>
      </p:sp>
      <p:sp>
        <p:nvSpPr>
          <p:cNvPr id="2" name="PresentationTitle2"/>
          <p:cNvSpPr>
            <a:spLocks noGrp="1"/>
          </p:cNvSpPr>
          <p:nvPr>
            <p:ph type="ctrTitle" hasCustomPrompt="1"/>
          </p:nvPr>
        </p:nvSpPr>
        <p:spPr>
          <a:xfrm>
            <a:off x="629856" y="1379300"/>
            <a:ext cx="6126562" cy="2465948"/>
          </a:xfrm>
        </p:spPr>
        <p:txBody>
          <a:bodyPr/>
          <a:lstStyle>
            <a:lvl1pPr>
              <a:defRPr sz="3720" cap="all" baseline="0">
                <a:solidFill>
                  <a:schemeClr val="bg2"/>
                </a:solidFill>
                <a:latin typeface="+mn-lt"/>
              </a:defRPr>
            </a:lvl1pPr>
          </a:lstStyle>
          <a:p>
            <a:r>
              <a:rPr lang="da-DK" noProof="0"/>
              <a:t>CLICK TO EDIT</a:t>
            </a:r>
            <a:br>
              <a:rPr lang="da-DK" noProof="0"/>
            </a:br>
            <a:r>
              <a:rPr lang="da-DK" noProof="0"/>
              <a:t>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629856" y="4447807"/>
            <a:ext cx="5431269" cy="1235507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ts val="1571"/>
              </a:lnSpc>
              <a:buNone/>
              <a:defRPr sz="1323" b="1">
                <a:solidFill>
                  <a:schemeClr val="bg2"/>
                </a:solidFill>
              </a:defRPr>
            </a:lvl1pPr>
            <a:lvl2pPr marL="37796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75593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13390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51186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88983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26780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64577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02373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subtitle</a:t>
            </a:r>
            <a:r>
              <a:rPr lang="da-DK" noProof="0" dirty="0"/>
              <a:t> style</a:t>
            </a:r>
          </a:p>
        </p:txBody>
      </p:sp>
    </p:spTree>
    <p:extLst>
      <p:ext uri="{BB962C8B-B14F-4D97-AF65-F5344CB8AC3E}">
        <p14:creationId xmlns:p14="http://schemas.microsoft.com/office/powerpoint/2010/main" val="116822283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m_K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56640408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71561479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ektions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ggrund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0" y="0"/>
            <a:ext cx="7559675" cy="10691813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488">
              <a:solidFill>
                <a:schemeClr val="bg1"/>
              </a:solidFill>
            </a:endParaRPr>
          </a:p>
        </p:txBody>
      </p:sp>
      <p:sp>
        <p:nvSpPr>
          <p:cNvPr id="2" name="PresentationTitle2"/>
          <p:cNvSpPr>
            <a:spLocks noGrp="1"/>
          </p:cNvSpPr>
          <p:nvPr>
            <p:ph type="ctrTitle" hasCustomPrompt="1"/>
          </p:nvPr>
        </p:nvSpPr>
        <p:spPr>
          <a:xfrm>
            <a:off x="629856" y="1379300"/>
            <a:ext cx="6126562" cy="2465948"/>
          </a:xfrm>
        </p:spPr>
        <p:txBody>
          <a:bodyPr/>
          <a:lstStyle>
            <a:lvl1pPr>
              <a:defRPr sz="372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da-DK" noProof="0" dirty="0"/>
              <a:t>CLICK TO EDIT</a:t>
            </a:r>
            <a:br>
              <a:rPr lang="da-DK" noProof="0" dirty="0"/>
            </a:br>
            <a:r>
              <a:rPr lang="da-DK" noProof="0" dirty="0"/>
              <a:t>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51011997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side med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resentationTitle2"/>
          <p:cNvSpPr>
            <a:spLocks noGrp="1"/>
          </p:cNvSpPr>
          <p:nvPr>
            <p:ph type="ctrTitle" hasCustomPrompt="1"/>
          </p:nvPr>
        </p:nvSpPr>
        <p:spPr>
          <a:xfrm>
            <a:off x="629856" y="1379300"/>
            <a:ext cx="6126562" cy="2465948"/>
          </a:xfrm>
        </p:spPr>
        <p:txBody>
          <a:bodyPr/>
          <a:lstStyle>
            <a:lvl1pPr>
              <a:defRPr sz="3720">
                <a:solidFill>
                  <a:schemeClr val="accent5"/>
                </a:solidFill>
                <a:latin typeface="+mn-lt"/>
              </a:defRPr>
            </a:lvl1pPr>
          </a:lstStyle>
          <a:p>
            <a:r>
              <a:rPr lang="da-DK" noProof="0" dirty="0"/>
              <a:t>CLICK TO EDIT</a:t>
            </a:r>
            <a:br>
              <a:rPr lang="da-DK" noProof="0" dirty="0"/>
            </a:br>
            <a:r>
              <a:rPr lang="da-DK" noProof="0" dirty="0"/>
              <a:t>MASTER TITLE STYLE</a:t>
            </a:r>
          </a:p>
        </p:txBody>
      </p:sp>
      <p:sp>
        <p:nvSpPr>
          <p:cNvPr id="15" name="Subtitle 2"/>
          <p:cNvSpPr>
            <a:spLocks noGrp="1"/>
          </p:cNvSpPr>
          <p:nvPr>
            <p:ph type="subTitle" idx="1"/>
          </p:nvPr>
        </p:nvSpPr>
        <p:spPr>
          <a:xfrm>
            <a:off x="629856" y="4447807"/>
            <a:ext cx="5431269" cy="1235507"/>
          </a:xfrm>
          <a:prstGeom prst="rect">
            <a:avLst/>
          </a:prstGeom>
        </p:spPr>
        <p:txBody>
          <a:bodyPr>
            <a:noAutofit/>
          </a:bodyPr>
          <a:lstStyle>
            <a:lvl1pPr marL="0" indent="0" algn="l">
              <a:lnSpc>
                <a:spcPts val="1571"/>
              </a:lnSpc>
              <a:buNone/>
              <a:defRPr sz="1323" b="1">
                <a:solidFill>
                  <a:schemeClr val="accent5"/>
                </a:solidFill>
              </a:defRPr>
            </a:lvl1pPr>
            <a:lvl2pPr marL="37796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75593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13390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51186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88983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26780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64577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02373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subtitle</a:t>
            </a:r>
            <a:r>
              <a:rPr lang="da-DK" noProof="0" dirty="0"/>
              <a:t> style</a:t>
            </a:r>
          </a:p>
        </p:txBody>
      </p:sp>
    </p:spTree>
    <p:extLst>
      <p:ext uri="{BB962C8B-B14F-4D97-AF65-F5344CB8AC3E}">
        <p14:creationId xmlns:p14="http://schemas.microsoft.com/office/powerpoint/2010/main" val="33151114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sside 1-spal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6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631286" y="3775134"/>
            <a:ext cx="6190796" cy="5388807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/>
              <a:t>Klik for at redigere i master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49682116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sside 2-spal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631285" y="3775134"/>
            <a:ext cx="2976250" cy="5388807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/>
              <a:t>Klik for at redigere i master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9" name="Pladsholder til indhold 8"/>
          <p:cNvSpPr>
            <a:spLocks noGrp="1"/>
          </p:cNvSpPr>
          <p:nvPr>
            <p:ph sz="quarter" idx="12" hasCustomPrompt="1"/>
          </p:nvPr>
        </p:nvSpPr>
        <p:spPr>
          <a:xfrm>
            <a:off x="3869084" y="3775134"/>
            <a:ext cx="2953108" cy="5388807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121681812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sside 3-spaltet - Høj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630965" y="1379299"/>
            <a:ext cx="4042155" cy="204998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631285" y="3775134"/>
            <a:ext cx="4041835" cy="5388807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Baggrund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5041767" y="0"/>
            <a:ext cx="2517908" cy="10691813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488"/>
          </a:p>
        </p:txBody>
      </p:sp>
      <p:sp>
        <p:nvSpPr>
          <p:cNvPr id="9" name="Pladsholder til tekst 5"/>
          <p:cNvSpPr>
            <a:spLocks noGrp="1"/>
          </p:cNvSpPr>
          <p:nvPr>
            <p:ph type="body" sz="quarter" idx="13"/>
          </p:nvPr>
        </p:nvSpPr>
        <p:spPr>
          <a:xfrm>
            <a:off x="5357426" y="1379299"/>
            <a:ext cx="1957920" cy="7822487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chemeClr val="bg1"/>
                </a:solidFill>
                <a:latin typeface="+mj-lt"/>
              </a:defRPr>
            </a:lvl1pPr>
            <a:lvl2pPr algn="ctr">
              <a:defRPr>
                <a:solidFill>
                  <a:schemeClr val="bg1"/>
                </a:solidFill>
                <a:latin typeface="+mj-lt"/>
              </a:defRPr>
            </a:lvl2pPr>
            <a:lvl3pPr algn="ctr">
              <a:defRPr>
                <a:solidFill>
                  <a:schemeClr val="bg1"/>
                </a:solidFill>
                <a:latin typeface="+mj-lt"/>
              </a:defRPr>
            </a:lvl3pPr>
            <a:lvl4pPr algn="ctr">
              <a:defRPr>
                <a:solidFill>
                  <a:schemeClr val="bg1"/>
                </a:solidFill>
                <a:latin typeface="+mj-lt"/>
              </a:defRPr>
            </a:lvl4pPr>
            <a:lvl5pPr algn="ctr">
              <a:defRPr>
                <a:solidFill>
                  <a:schemeClr val="bg1"/>
                </a:solidFill>
                <a:latin typeface="+mj-lt"/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3" name="Pladsholder til dato 2">
            <a:extLst>
              <a:ext uri="{FF2B5EF4-FFF2-40B4-BE49-F238E27FC236}">
                <a16:creationId xmlns:a16="http://schemas.microsoft.com/office/drawing/2014/main" id="{C2B0C9B1-A183-4E90-855C-D00E2743D9E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71149" y="9926907"/>
            <a:ext cx="2112941" cy="287898"/>
          </a:xfrm>
          <a:prstGeom prst="rect">
            <a:avLst/>
          </a:prstGeom>
        </p:spPr>
        <p:txBody>
          <a:bodyPr lIns="0" tIns="0" rIns="0" bIns="0"/>
          <a:lstStyle>
            <a:lvl1pPr>
              <a:defRPr sz="744">
                <a:latin typeface="Georgia" panose="02040502050405020303" pitchFamily="18" charset="0"/>
              </a:defRPr>
            </a:lvl1pPr>
          </a:lstStyle>
          <a:p>
            <a:fld id="{E3F176F0-4EB5-41D1-866E-A621282BE2B8}" type="datetime2">
              <a:rPr lang="da-DK" smtClean="0"/>
              <a:t>7. juni 2023</a:t>
            </a:fld>
            <a:endParaRPr lang="en-GB"/>
          </a:p>
        </p:txBody>
      </p:sp>
      <p:pic>
        <p:nvPicPr>
          <p:cNvPr id="10" name="Billede 9" descr="Et billede, der indeholder tekst&#10;&#10;Automatisk genereret beskrivelse">
            <a:extLst>
              <a:ext uri="{FF2B5EF4-FFF2-40B4-BE49-F238E27FC236}">
                <a16:creationId xmlns:a16="http://schemas.microsoft.com/office/drawing/2014/main" id="{802425EF-7C1C-73C8-2CA7-9E8C48C77A08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5954436" y="9746447"/>
            <a:ext cx="1461012" cy="5924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7197263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sside 3-spaltet - Vens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3035693" y="1379299"/>
            <a:ext cx="4042155" cy="204998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3036012" y="3775134"/>
            <a:ext cx="4041835" cy="5388807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/>
              <a:t>Klik for at redigere i master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5" name="Baggrund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0" y="0"/>
            <a:ext cx="2517908" cy="10691813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488">
              <a:solidFill>
                <a:schemeClr val="bg1"/>
              </a:solidFill>
            </a:endParaRPr>
          </a:p>
        </p:txBody>
      </p:sp>
      <p:sp>
        <p:nvSpPr>
          <p:cNvPr id="9" name="Pladsholder til tekst 5"/>
          <p:cNvSpPr>
            <a:spLocks noGrp="1"/>
          </p:cNvSpPr>
          <p:nvPr>
            <p:ph type="body" sz="quarter" idx="13"/>
          </p:nvPr>
        </p:nvSpPr>
        <p:spPr>
          <a:xfrm>
            <a:off x="315658" y="1379299"/>
            <a:ext cx="1957920" cy="7822487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1pPr>
            <a:lvl2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2pPr>
            <a:lvl3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3pPr>
            <a:lvl4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4pPr>
            <a:lvl5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2709397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368" userDrawn="1">
          <p15:clr>
            <a:srgbClr val="FBAE40"/>
          </p15:clr>
        </p15:guide>
        <p15:guide id="2" pos="2381" userDrawn="1">
          <p15:clr>
            <a:srgbClr val="FBAE40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sside 2-spaltet med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630965" y="1379299"/>
            <a:ext cx="4042155" cy="204998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631285" y="3775134"/>
            <a:ext cx="1957920" cy="5388807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8" name="Pladsholder til tekst 5"/>
          <p:cNvSpPr>
            <a:spLocks noGrp="1"/>
          </p:cNvSpPr>
          <p:nvPr>
            <p:ph type="body" sz="quarter" idx="12"/>
          </p:nvPr>
        </p:nvSpPr>
        <p:spPr>
          <a:xfrm>
            <a:off x="2715200" y="3775134"/>
            <a:ext cx="1957920" cy="5388807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7" name="Pladsholder til billede 6"/>
          <p:cNvSpPr>
            <a:spLocks noGrp="1"/>
          </p:cNvSpPr>
          <p:nvPr>
            <p:ph type="pic" sz="quarter" idx="13"/>
          </p:nvPr>
        </p:nvSpPr>
        <p:spPr>
          <a:xfrm>
            <a:off x="5042409" y="0"/>
            <a:ext cx="2517267" cy="10691813"/>
          </a:xfrm>
          <a:prstGeom prst="rect">
            <a:avLst/>
          </a:prstGeom>
        </p:spPr>
        <p:txBody>
          <a:bodyPr/>
          <a:lstStyle/>
          <a:p>
            <a:endParaRPr lang="da-DK" dirty="0"/>
          </a:p>
        </p:txBody>
      </p:sp>
      <p:sp>
        <p:nvSpPr>
          <p:cNvPr id="9" name="Pladsholder til dato 2">
            <a:extLst>
              <a:ext uri="{FF2B5EF4-FFF2-40B4-BE49-F238E27FC236}">
                <a16:creationId xmlns:a16="http://schemas.microsoft.com/office/drawing/2014/main" id="{C2F099F9-FCB0-4773-8B73-46D2C1A555D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71149" y="9926907"/>
            <a:ext cx="2112941" cy="287898"/>
          </a:xfrm>
          <a:prstGeom prst="rect">
            <a:avLst/>
          </a:prstGeom>
        </p:spPr>
        <p:txBody>
          <a:bodyPr lIns="0" tIns="0" rIns="0" bIns="0"/>
          <a:lstStyle>
            <a:lvl1pPr>
              <a:defRPr sz="744">
                <a:latin typeface="Georgia" panose="02040502050405020303" pitchFamily="18" charset="0"/>
              </a:defRPr>
            </a:lvl1pPr>
          </a:lstStyle>
          <a:p>
            <a:fld id="{E3F176F0-4EB5-41D1-866E-A621282BE2B8}" type="datetime2">
              <a:rPr lang="da-DK" smtClean="0"/>
              <a:t>7. juni 202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4337048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dholdsside med billede vens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dsholder til billede 6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3779838" cy="10691813"/>
          </a:xfrm>
          <a:prstGeom prst="rect">
            <a:avLst/>
          </a:prstGeom>
        </p:spPr>
        <p:txBody>
          <a:bodyPr/>
          <a:lstStyle/>
          <a:p>
            <a:endParaRPr lang="da-DK"/>
          </a:p>
        </p:txBody>
      </p:sp>
      <p:sp>
        <p:nvSpPr>
          <p:cNvPr id="9" name="Baggrund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3784917" y="0"/>
            <a:ext cx="3774758" cy="5345907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488">
              <a:solidFill>
                <a:schemeClr val="tx1"/>
              </a:solidFill>
            </a:endParaRPr>
          </a:p>
        </p:txBody>
      </p:sp>
      <p:sp>
        <p:nvSpPr>
          <p:cNvPr id="10" name="Pladsholder til tekst 5"/>
          <p:cNvSpPr>
            <a:spLocks noGrp="1"/>
          </p:cNvSpPr>
          <p:nvPr>
            <p:ph type="body" sz="quarter" idx="14"/>
          </p:nvPr>
        </p:nvSpPr>
        <p:spPr>
          <a:xfrm>
            <a:off x="4198888" y="876754"/>
            <a:ext cx="2946815" cy="3592399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1pPr>
            <a:lvl2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2pPr>
            <a:lvl3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3pPr>
            <a:lvl4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4pPr>
            <a:lvl5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1" name="Pladsholder til tekst 5"/>
          <p:cNvSpPr>
            <a:spLocks noGrp="1"/>
          </p:cNvSpPr>
          <p:nvPr>
            <p:ph type="body" sz="quarter" idx="15"/>
          </p:nvPr>
        </p:nvSpPr>
        <p:spPr>
          <a:xfrm>
            <a:off x="4203057" y="7665998"/>
            <a:ext cx="2942646" cy="2320091"/>
          </a:xfrm>
          <a:prstGeom prst="rect">
            <a:avLst/>
          </a:prstGeom>
        </p:spPr>
        <p:txBody>
          <a:bodyPr lIns="0" tIns="0" rIns="0" bIns="0"/>
          <a:lstStyle>
            <a:lvl1pPr algn="l">
              <a:defRPr sz="827">
                <a:solidFill>
                  <a:srgbClr val="000000"/>
                </a:solidFill>
                <a:latin typeface="Georgia" panose="02040502050405020303" pitchFamily="18" charset="0"/>
              </a:defRPr>
            </a:lvl1pPr>
            <a:lvl2pPr algn="l">
              <a:defRPr sz="827">
                <a:solidFill>
                  <a:srgbClr val="000000"/>
                </a:solidFill>
                <a:latin typeface="Georgia" panose="02040502050405020303" pitchFamily="18" charset="0"/>
              </a:defRPr>
            </a:lvl2pPr>
            <a:lvl3pPr algn="l">
              <a:defRPr sz="827">
                <a:solidFill>
                  <a:srgbClr val="000000"/>
                </a:solidFill>
                <a:latin typeface="Georgia" panose="02040502050405020303" pitchFamily="18" charset="0"/>
              </a:defRPr>
            </a:lvl3pPr>
            <a:lvl4pPr algn="l">
              <a:defRPr sz="827">
                <a:solidFill>
                  <a:srgbClr val="000000"/>
                </a:solidFill>
                <a:latin typeface="Georgia" panose="02040502050405020303" pitchFamily="18" charset="0"/>
              </a:defRPr>
            </a:lvl4pPr>
            <a:lvl5pPr algn="l">
              <a:defRPr sz="827">
                <a:solidFill>
                  <a:srgbClr val="000000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/>
              <a:t>Klik for at redigere i master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2" name="Titel 1"/>
          <p:cNvSpPr>
            <a:spLocks noGrp="1"/>
          </p:cNvSpPr>
          <p:nvPr>
            <p:ph type="title"/>
          </p:nvPr>
        </p:nvSpPr>
        <p:spPr>
          <a:xfrm>
            <a:off x="4198888" y="6318848"/>
            <a:ext cx="2946815" cy="972941"/>
          </a:xfrm>
        </p:spPr>
        <p:txBody>
          <a:bodyPr/>
          <a:lstStyle>
            <a:lvl1pPr>
              <a:defRPr sz="1323">
                <a:solidFill>
                  <a:srgbClr val="000000"/>
                </a:solidFill>
              </a:defRPr>
            </a:lvl1pPr>
          </a:lstStyle>
          <a:p>
            <a:r>
              <a:rPr lang="da-DK"/>
              <a:t>Klik for at redigere i master</a:t>
            </a:r>
          </a:p>
        </p:txBody>
      </p:sp>
    </p:spTree>
    <p:extLst>
      <p:ext uri="{BB962C8B-B14F-4D97-AF65-F5344CB8AC3E}">
        <p14:creationId xmlns:p14="http://schemas.microsoft.com/office/powerpoint/2010/main" val="147163089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sside 2-spaltet - Spejl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285857" y="821303"/>
            <a:ext cx="2851523" cy="1306413"/>
          </a:xfrm>
        </p:spPr>
        <p:txBody>
          <a:bodyPr/>
          <a:lstStyle>
            <a:lvl1pPr algn="ctr">
              <a:defRPr sz="1653">
                <a:solidFill>
                  <a:schemeClr val="tx1"/>
                </a:solidFill>
              </a:defRPr>
            </a:lvl1pPr>
          </a:lstStyle>
          <a:p>
            <a:r>
              <a:rPr lang="da-DK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4289217" y="2501924"/>
            <a:ext cx="2848162" cy="5388807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rgbClr val="000000"/>
                </a:solidFill>
              </a:defRPr>
            </a:lvl1pPr>
            <a:lvl2pPr algn="ctr">
              <a:defRPr>
                <a:solidFill>
                  <a:srgbClr val="000000"/>
                </a:solidFill>
              </a:defRPr>
            </a:lvl2pPr>
            <a:lvl3pPr algn="ctr">
              <a:defRPr>
                <a:solidFill>
                  <a:srgbClr val="000000"/>
                </a:solidFill>
              </a:defRPr>
            </a:lvl3pPr>
            <a:lvl4pPr algn="ctr">
              <a:defRPr>
                <a:solidFill>
                  <a:srgbClr val="000000"/>
                </a:solidFill>
              </a:defRPr>
            </a:lvl4pPr>
            <a:lvl5pPr algn="ctr"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/>
              <a:t>Klik for at redigere i master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5" name="Baggrund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0" y="0"/>
            <a:ext cx="3779838" cy="10691813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488"/>
          </a:p>
        </p:txBody>
      </p:sp>
      <p:sp>
        <p:nvSpPr>
          <p:cNvPr id="6" name="Titel 1">
            <a:extLst>
              <a:ext uri="{FF2B5EF4-FFF2-40B4-BE49-F238E27FC236}">
                <a16:creationId xmlns:a16="http://schemas.microsoft.com/office/drawing/2014/main" id="{360A7F76-E07C-B97B-A41E-5F72BC3D2C76}"/>
              </a:ext>
            </a:extLst>
          </p:cNvPr>
          <p:cNvSpPr txBox="1">
            <a:spLocks/>
          </p:cNvSpPr>
          <p:nvPr userDrawn="1"/>
        </p:nvSpPr>
        <p:spPr>
          <a:xfrm>
            <a:off x="419837" y="821303"/>
            <a:ext cx="2851523" cy="130641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ctr" defTabSz="4572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000" b="1" kern="1200" cap="none" baseline="0">
                <a:solidFill>
                  <a:schemeClr val="tx1"/>
                </a:solidFill>
                <a:latin typeface="+mn-lt"/>
                <a:ea typeface="+mj-ea"/>
                <a:cs typeface="Arial" pitchFamily="34" charset="0"/>
              </a:defRPr>
            </a:lvl1pPr>
          </a:lstStyle>
          <a:p>
            <a:r>
              <a:rPr lang="da-DK" sz="1653" dirty="0">
                <a:solidFill>
                  <a:schemeClr val="bg1"/>
                </a:solidFill>
              </a:rPr>
              <a:t>Klik for at redigere i master</a:t>
            </a:r>
          </a:p>
        </p:txBody>
      </p:sp>
      <p:sp>
        <p:nvSpPr>
          <p:cNvPr id="7" name="Pladsholder til tekst 5">
            <a:extLst>
              <a:ext uri="{FF2B5EF4-FFF2-40B4-BE49-F238E27FC236}">
                <a16:creationId xmlns:a16="http://schemas.microsoft.com/office/drawing/2014/main" id="{7724002C-06AD-26A6-71F8-6056A78E3E2A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423197" y="2501924"/>
            <a:ext cx="2848162" cy="5388807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chemeClr val="bg1"/>
                </a:solidFill>
              </a:defRPr>
            </a:lvl1pPr>
            <a:lvl2pPr algn="ctr">
              <a:defRPr>
                <a:solidFill>
                  <a:schemeClr val="bg1"/>
                </a:solidFill>
              </a:defRPr>
            </a:lvl2pPr>
            <a:lvl3pPr algn="ctr">
              <a:defRPr>
                <a:solidFill>
                  <a:schemeClr val="bg1"/>
                </a:solidFill>
              </a:defRPr>
            </a:lvl3pPr>
            <a:lvl4pPr algn="ctr">
              <a:defRPr>
                <a:solidFill>
                  <a:schemeClr val="bg1"/>
                </a:solidFill>
              </a:defRPr>
            </a:lvl4pPr>
            <a:lvl5pPr algn="ctr"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325627712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title"/>
          </p:nvPr>
        </p:nvSpPr>
        <p:spPr>
          <a:xfrm>
            <a:off x="630965" y="1379299"/>
            <a:ext cx="6191227" cy="204998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itle</a:t>
            </a:r>
            <a:r>
              <a:rPr lang="da-DK" noProof="0" dirty="0"/>
              <a:t> style</a:t>
            </a:r>
          </a:p>
        </p:txBody>
      </p:sp>
      <p:sp>
        <p:nvSpPr>
          <p:cNvPr id="6" name="Tekstfelt 5"/>
          <p:cNvSpPr txBox="1"/>
          <p:nvPr userDrawn="1"/>
        </p:nvSpPr>
        <p:spPr>
          <a:xfrm>
            <a:off x="630965" y="9941666"/>
            <a:ext cx="350887" cy="11451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fld id="{5336F107-9AFD-4B73-BA88-5B99619BFCA3}" type="slidenum">
              <a:rPr lang="da-DK" sz="744" b="0" noProof="0" smtClean="0">
                <a:solidFill>
                  <a:schemeClr val="tx1"/>
                </a:solidFill>
                <a:latin typeface="Georgia" panose="02040502050405020303" pitchFamily="18" charset="0"/>
                <a:cs typeface="Arial Bold"/>
              </a:rPr>
              <a:t>‹nr.›</a:t>
            </a:fld>
            <a:endParaRPr lang="da-DK" sz="744" b="0" noProof="0">
              <a:solidFill>
                <a:schemeClr val="tx1"/>
              </a:solidFill>
              <a:latin typeface="Georgia" panose="02040502050405020303" pitchFamily="18" charset="0"/>
              <a:cs typeface="Arial Bold"/>
            </a:endParaRP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0" r:id="rId1"/>
    <p:sldLayoutId id="2147483662" r:id="rId2"/>
    <p:sldLayoutId id="2147483699" r:id="rId3"/>
    <p:sldLayoutId id="2147483700" r:id="rId4"/>
    <p:sldLayoutId id="2147483701" r:id="rId5"/>
    <p:sldLayoutId id="2147483702" r:id="rId6"/>
    <p:sldLayoutId id="2147483703" r:id="rId7"/>
    <p:sldLayoutId id="2147483704" r:id="rId8"/>
    <p:sldLayoutId id="2147483705" r:id="rId9"/>
    <p:sldLayoutId id="2147483707" r:id="rId10"/>
    <p:sldLayoutId id="2147483708" r:id="rId11"/>
    <p:sldLayoutId id="2147483706" r:id="rId12"/>
  </p:sldLayoutIdLst>
  <p:hf hdr="0"/>
  <p:txStyles>
    <p:titleStyle>
      <a:lvl1pPr algn="l" defTabSz="377967" rtl="0" eaLnBrk="1" latinLnBrk="0" hangingPunct="1">
        <a:lnSpc>
          <a:spcPct val="90000"/>
        </a:lnSpc>
        <a:spcBef>
          <a:spcPct val="0"/>
        </a:spcBef>
        <a:buNone/>
        <a:defRPr sz="2480" b="1" kern="1200" cap="none" baseline="0">
          <a:solidFill>
            <a:schemeClr val="accent5"/>
          </a:solidFill>
          <a:latin typeface="+mn-lt"/>
          <a:ea typeface="+mj-ea"/>
          <a:cs typeface="Arial" pitchFamily="34" charset="0"/>
        </a:defRPr>
      </a:lvl1pPr>
    </p:titleStyle>
    <p:bodyStyle>
      <a:lvl1pPr marL="0" indent="0" algn="l" defTabSz="377967" rtl="0" eaLnBrk="1" latinLnBrk="0" hangingPunct="1">
        <a:spcBef>
          <a:spcPts val="0"/>
        </a:spcBef>
        <a:spcAft>
          <a:spcPts val="496"/>
        </a:spcAft>
        <a:buClr>
          <a:schemeClr val="tx1"/>
        </a:buClr>
        <a:buFont typeface="Arial" panose="020B0604020202020204" pitchFamily="34" charset="0"/>
        <a:buNone/>
        <a:defRPr sz="1323" kern="1200">
          <a:solidFill>
            <a:schemeClr val="tx1"/>
          </a:solidFill>
          <a:latin typeface="+mn-lt"/>
          <a:ea typeface="+mn-ea"/>
          <a:cs typeface="Arial" pitchFamily="34" charset="0"/>
        </a:defRPr>
      </a:lvl1pPr>
      <a:lvl2pPr marL="149612" indent="0" algn="l" defTabSz="377967" rtl="0" eaLnBrk="1" latinLnBrk="0" hangingPunct="1">
        <a:spcBef>
          <a:spcPts val="0"/>
        </a:spcBef>
        <a:spcAft>
          <a:spcPts val="496"/>
        </a:spcAft>
        <a:buClr>
          <a:schemeClr val="tx1"/>
        </a:buClr>
        <a:buFont typeface="Wingdings" pitchFamily="2" charset="2"/>
        <a:buNone/>
        <a:defRPr sz="1323" kern="1200">
          <a:solidFill>
            <a:schemeClr val="tx1"/>
          </a:solidFill>
          <a:latin typeface="+mn-lt"/>
          <a:ea typeface="+mn-ea"/>
          <a:cs typeface="Arial" pitchFamily="34" charset="0"/>
        </a:defRPr>
      </a:lvl2pPr>
      <a:lvl3pPr marL="299224" indent="0" algn="l" defTabSz="377967" rtl="0" eaLnBrk="1" latinLnBrk="0" hangingPunct="1">
        <a:spcBef>
          <a:spcPts val="0"/>
        </a:spcBef>
        <a:spcAft>
          <a:spcPts val="496"/>
        </a:spcAft>
        <a:buClr>
          <a:schemeClr val="tx1"/>
        </a:buClr>
        <a:buFont typeface="Wingdings" pitchFamily="2" charset="2"/>
        <a:buNone/>
        <a:defRPr sz="1323" kern="1200">
          <a:solidFill>
            <a:schemeClr val="tx1"/>
          </a:solidFill>
          <a:latin typeface="+mn-lt"/>
          <a:ea typeface="+mn-ea"/>
          <a:cs typeface="Arial" pitchFamily="34" charset="0"/>
        </a:defRPr>
      </a:lvl3pPr>
      <a:lvl4pPr marL="442275" indent="0" algn="l" defTabSz="377967" rtl="0" eaLnBrk="1" latinLnBrk="0" hangingPunct="1">
        <a:spcBef>
          <a:spcPts val="0"/>
        </a:spcBef>
        <a:spcAft>
          <a:spcPts val="496"/>
        </a:spcAft>
        <a:buClr>
          <a:schemeClr val="tx1"/>
        </a:buClr>
        <a:buFont typeface="Wingdings" pitchFamily="2" charset="2"/>
        <a:buNone/>
        <a:defRPr sz="1323" kern="1200">
          <a:solidFill>
            <a:schemeClr val="tx1"/>
          </a:solidFill>
          <a:latin typeface="+mn-lt"/>
          <a:ea typeface="+mn-ea"/>
          <a:cs typeface="Arial" pitchFamily="34" charset="0"/>
        </a:defRPr>
      </a:lvl4pPr>
      <a:lvl5pPr marL="591887" indent="0" algn="l" defTabSz="377967" rtl="0" eaLnBrk="1" latinLnBrk="0" hangingPunct="1">
        <a:spcBef>
          <a:spcPts val="0"/>
        </a:spcBef>
        <a:spcAft>
          <a:spcPts val="496"/>
        </a:spcAft>
        <a:buClr>
          <a:schemeClr val="tx1"/>
        </a:buClr>
        <a:buFont typeface="Wingdings" pitchFamily="2" charset="2"/>
        <a:buNone/>
        <a:defRPr sz="1323" kern="1200">
          <a:solidFill>
            <a:schemeClr val="tx1"/>
          </a:solidFill>
          <a:latin typeface="+mn-lt"/>
          <a:ea typeface="+mn-ea"/>
          <a:cs typeface="Arial" pitchFamily="34" charset="0"/>
        </a:defRPr>
      </a:lvl5pPr>
      <a:lvl6pPr marL="2078820" indent="-188984" algn="l" defTabSz="377967" rtl="0" eaLnBrk="1" latinLnBrk="0" hangingPunct="1">
        <a:spcBef>
          <a:spcPct val="20000"/>
        </a:spcBef>
        <a:buFont typeface="Arial"/>
        <a:buChar char="•"/>
        <a:defRPr sz="1653" kern="1200">
          <a:solidFill>
            <a:schemeClr val="tx1"/>
          </a:solidFill>
          <a:latin typeface="+mn-lt"/>
          <a:ea typeface="+mn-ea"/>
          <a:cs typeface="+mn-cs"/>
        </a:defRPr>
      </a:lvl6pPr>
      <a:lvl7pPr marL="2456787" indent="-188984" algn="l" defTabSz="377967" rtl="0" eaLnBrk="1" latinLnBrk="0" hangingPunct="1">
        <a:spcBef>
          <a:spcPct val="20000"/>
        </a:spcBef>
        <a:buFont typeface="Arial"/>
        <a:buChar char="•"/>
        <a:defRPr sz="1653" kern="1200">
          <a:solidFill>
            <a:schemeClr val="tx1"/>
          </a:solidFill>
          <a:latin typeface="+mn-lt"/>
          <a:ea typeface="+mn-ea"/>
          <a:cs typeface="+mn-cs"/>
        </a:defRPr>
      </a:lvl7pPr>
      <a:lvl8pPr marL="2834754" indent="-188984" algn="l" defTabSz="377967" rtl="0" eaLnBrk="1" latinLnBrk="0" hangingPunct="1">
        <a:spcBef>
          <a:spcPct val="20000"/>
        </a:spcBef>
        <a:buFont typeface="Arial"/>
        <a:buChar char="•"/>
        <a:defRPr sz="1653" kern="1200">
          <a:solidFill>
            <a:schemeClr val="tx1"/>
          </a:solidFill>
          <a:latin typeface="+mn-lt"/>
          <a:ea typeface="+mn-ea"/>
          <a:cs typeface="+mn-cs"/>
        </a:defRPr>
      </a:lvl8pPr>
      <a:lvl9pPr marL="3212722" indent="-188984" algn="l" defTabSz="377967" rtl="0" eaLnBrk="1" latinLnBrk="0" hangingPunct="1">
        <a:spcBef>
          <a:spcPct val="20000"/>
        </a:spcBef>
        <a:buFont typeface="Arial"/>
        <a:buChar char="•"/>
        <a:defRPr sz="1653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377967" rtl="0" eaLnBrk="1" latinLnBrk="0" hangingPunct="1">
        <a:defRPr sz="1488" kern="1200">
          <a:solidFill>
            <a:schemeClr val="tx1"/>
          </a:solidFill>
          <a:latin typeface="+mn-lt"/>
          <a:ea typeface="+mn-ea"/>
          <a:cs typeface="+mn-cs"/>
        </a:defRPr>
      </a:lvl1pPr>
      <a:lvl2pPr marL="377967" algn="l" defTabSz="377967" rtl="0" eaLnBrk="1" latinLnBrk="0" hangingPunct="1">
        <a:defRPr sz="1488" kern="1200">
          <a:solidFill>
            <a:schemeClr val="tx1"/>
          </a:solidFill>
          <a:latin typeface="+mn-lt"/>
          <a:ea typeface="+mn-ea"/>
          <a:cs typeface="+mn-cs"/>
        </a:defRPr>
      </a:lvl2pPr>
      <a:lvl3pPr marL="755934" algn="l" defTabSz="377967" rtl="0" eaLnBrk="1" latinLnBrk="0" hangingPunct="1">
        <a:defRPr sz="1488" kern="1200">
          <a:solidFill>
            <a:schemeClr val="tx1"/>
          </a:solidFill>
          <a:latin typeface="+mn-lt"/>
          <a:ea typeface="+mn-ea"/>
          <a:cs typeface="+mn-cs"/>
        </a:defRPr>
      </a:lvl3pPr>
      <a:lvl4pPr marL="1133902" algn="l" defTabSz="377967" rtl="0" eaLnBrk="1" latinLnBrk="0" hangingPunct="1">
        <a:defRPr sz="1488" kern="1200">
          <a:solidFill>
            <a:schemeClr val="tx1"/>
          </a:solidFill>
          <a:latin typeface="+mn-lt"/>
          <a:ea typeface="+mn-ea"/>
          <a:cs typeface="+mn-cs"/>
        </a:defRPr>
      </a:lvl4pPr>
      <a:lvl5pPr marL="1511869" algn="l" defTabSz="377967" rtl="0" eaLnBrk="1" latinLnBrk="0" hangingPunct="1">
        <a:defRPr sz="1488" kern="1200">
          <a:solidFill>
            <a:schemeClr val="tx1"/>
          </a:solidFill>
          <a:latin typeface="+mn-lt"/>
          <a:ea typeface="+mn-ea"/>
          <a:cs typeface="+mn-cs"/>
        </a:defRPr>
      </a:lvl5pPr>
      <a:lvl6pPr marL="1889836" algn="l" defTabSz="377967" rtl="0" eaLnBrk="1" latinLnBrk="0" hangingPunct="1">
        <a:defRPr sz="1488" kern="1200">
          <a:solidFill>
            <a:schemeClr val="tx1"/>
          </a:solidFill>
          <a:latin typeface="+mn-lt"/>
          <a:ea typeface="+mn-ea"/>
          <a:cs typeface="+mn-cs"/>
        </a:defRPr>
      </a:lvl6pPr>
      <a:lvl7pPr marL="2267803" algn="l" defTabSz="377967" rtl="0" eaLnBrk="1" latinLnBrk="0" hangingPunct="1">
        <a:defRPr sz="1488" kern="1200">
          <a:solidFill>
            <a:schemeClr val="tx1"/>
          </a:solidFill>
          <a:latin typeface="+mn-lt"/>
          <a:ea typeface="+mn-ea"/>
          <a:cs typeface="+mn-cs"/>
        </a:defRPr>
      </a:lvl7pPr>
      <a:lvl8pPr marL="2645771" algn="l" defTabSz="377967" rtl="0" eaLnBrk="1" latinLnBrk="0" hangingPunct="1">
        <a:defRPr sz="1488" kern="1200">
          <a:solidFill>
            <a:schemeClr val="tx1"/>
          </a:solidFill>
          <a:latin typeface="+mn-lt"/>
          <a:ea typeface="+mn-ea"/>
          <a:cs typeface="+mn-cs"/>
        </a:defRPr>
      </a:lvl8pPr>
      <a:lvl9pPr marL="3023738" algn="l" defTabSz="377967" rtl="0" eaLnBrk="1" latinLnBrk="0" hangingPunct="1">
        <a:defRPr sz="1488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3368" userDrawn="1">
          <p15:clr>
            <a:srgbClr val="F26B43"/>
          </p15:clr>
        </p15:guide>
        <p15:guide id="2" pos="2381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image" Target="../media/image4.svg"/><Relationship Id="rId3" Type="http://schemas.openxmlformats.org/officeDocument/2006/relationships/notesSlide" Target="../notesSlides/notesSlide1.xml"/><Relationship Id="rId7" Type="http://schemas.openxmlformats.org/officeDocument/2006/relationships/image" Target="../media/image3.png"/><Relationship Id="rId12" Type="http://schemas.openxmlformats.org/officeDocument/2006/relationships/image" Target="../media/image8.svg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Relationship Id="rId6" Type="http://schemas.openxmlformats.org/officeDocument/2006/relationships/hyperlink" Target="mailto:SPUsekretariatet@kp.dk" TargetMode="External"/><Relationship Id="rId11" Type="http://schemas.openxmlformats.org/officeDocument/2006/relationships/image" Target="../media/image7.png"/><Relationship Id="rId5" Type="http://schemas.openxmlformats.org/officeDocument/2006/relationships/hyperlink" Target="http://www.kp.dk/SPU" TargetMode="External"/><Relationship Id="rId10" Type="http://schemas.openxmlformats.org/officeDocument/2006/relationships/image" Target="../media/image6.svg"/><Relationship Id="rId4" Type="http://schemas.openxmlformats.org/officeDocument/2006/relationships/image" Target="../media/image2.png"/><Relationship Id="rId9" Type="http://schemas.openxmlformats.org/officeDocument/2006/relationships/image" Target="../media/image5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Rektangel 20">
            <a:extLst>
              <a:ext uri="{FF2B5EF4-FFF2-40B4-BE49-F238E27FC236}">
                <a16:creationId xmlns:a16="http://schemas.microsoft.com/office/drawing/2014/main" id="{5C46AA08-3900-6DE6-490F-D8A981B51CB5}"/>
              </a:ext>
            </a:extLst>
          </p:cNvPr>
          <p:cNvSpPr/>
          <p:nvPr/>
        </p:nvSpPr>
        <p:spPr>
          <a:xfrm>
            <a:off x="5577453" y="0"/>
            <a:ext cx="1982222" cy="10691813"/>
          </a:xfrm>
          <a:prstGeom prst="rect">
            <a:avLst/>
          </a:prstGeom>
          <a:solidFill>
            <a:schemeClr val="accent3">
              <a:lumMod val="20000"/>
              <a:lumOff val="80000"/>
            </a:schemeClr>
          </a:solidFill>
          <a:ln>
            <a:solidFill>
              <a:schemeClr val="accent2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endParaRPr lang="da-DK" sz="1000" dirty="0" err="1">
              <a:solidFill>
                <a:schemeClr val="tx2"/>
              </a:solidFill>
            </a:endParaRPr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51594341-2E51-9FF0-5DE5-51FE4D81C9E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15429" y="880871"/>
            <a:ext cx="5000439" cy="606663"/>
          </a:xfrm>
        </p:spPr>
        <p:txBody>
          <a:bodyPr/>
          <a:lstStyle/>
          <a:p>
            <a:r>
              <a:rPr lang="da-DK" sz="2800" dirty="0">
                <a:solidFill>
                  <a:schemeClr val="accent3">
                    <a:lumMod val="20000"/>
                    <a:lumOff val="80000"/>
                  </a:schemeClr>
                </a:solidFill>
              </a:rPr>
              <a:t>Status på Praktik 2023</a:t>
            </a:r>
          </a:p>
        </p:txBody>
      </p:sp>
      <p:sp>
        <p:nvSpPr>
          <p:cNvPr id="4" name="Undertitel 3">
            <a:extLst>
              <a:ext uri="{FF2B5EF4-FFF2-40B4-BE49-F238E27FC236}">
                <a16:creationId xmlns:a16="http://schemas.microsoft.com/office/drawing/2014/main" id="{0DA6E81B-9200-0B0D-29C0-4DC31641133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515428" y="1294304"/>
            <a:ext cx="4946447" cy="1073115"/>
          </a:xfrm>
        </p:spPr>
        <p:txBody>
          <a:bodyPr/>
          <a:lstStyle/>
          <a:p>
            <a:r>
              <a:rPr lang="da-DK" sz="1400" b="0" dirty="0">
                <a:solidFill>
                  <a:schemeClr val="bg1"/>
                </a:solidFill>
              </a:rPr>
              <a:t>I SPU har vi opbygget et fælles videngrundlag med viden fra mere </a:t>
            </a:r>
            <a:r>
              <a:rPr lang="da-DK" sz="1400" b="0" dirty="0">
                <a:solidFill>
                  <a:schemeClr val="bg1"/>
                </a:solidFill>
                <a:cs typeface="Segoe UI"/>
              </a:rPr>
              <a:t>end 15.000 praktikforløb og 2.000 praktikvejlederes oplevelse af rammerne om praktikken. </a:t>
            </a:r>
          </a:p>
          <a:p>
            <a:r>
              <a:rPr lang="da-DK" sz="1400" b="0" dirty="0">
                <a:solidFill>
                  <a:schemeClr val="bg1"/>
                </a:solidFill>
                <a:cs typeface="Segoe UI"/>
              </a:rPr>
              <a:t>Rapporten ”Status på praktik 2023” peger på t</a:t>
            </a:r>
            <a:r>
              <a:rPr lang="da-DK" sz="1400" b="0" dirty="0">
                <a:solidFill>
                  <a:schemeClr val="bg1"/>
                </a:solidFill>
              </a:rPr>
              <a:t>re greb, som styrker kvaliteten i praktikken og rekrutteringen til arbejdspladserne på velfærdsområdet i hovedstaden.</a:t>
            </a:r>
          </a:p>
        </p:txBody>
      </p:sp>
      <p:sp>
        <p:nvSpPr>
          <p:cNvPr id="6" name="Tekstfelt 5">
            <a:extLst>
              <a:ext uri="{FF2B5EF4-FFF2-40B4-BE49-F238E27FC236}">
                <a16:creationId xmlns:a16="http://schemas.microsoft.com/office/drawing/2014/main" id="{FD1FAB42-32F9-158A-BA6D-6D269DBD35D2}"/>
              </a:ext>
            </a:extLst>
          </p:cNvPr>
          <p:cNvSpPr txBox="1"/>
          <p:nvPr/>
        </p:nvSpPr>
        <p:spPr>
          <a:xfrm>
            <a:off x="1194073" y="2905066"/>
            <a:ext cx="4267803" cy="677108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400" b="1" dirty="0">
                <a:solidFill>
                  <a:schemeClr val="bg1">
                    <a:lumMod val="95000"/>
                  </a:schemeClr>
                </a:solidFill>
                <a:cs typeface="Arial"/>
              </a:rPr>
              <a:t>Det gode læringsmiljø</a:t>
            </a:r>
            <a:br>
              <a:rPr lang="da-DK" sz="1400" dirty="0">
                <a:solidFill>
                  <a:schemeClr val="bg1">
                    <a:lumMod val="95000"/>
                  </a:schemeClr>
                </a:solidFill>
                <a:cs typeface="Arial"/>
              </a:rPr>
            </a:br>
            <a:r>
              <a:rPr lang="da-DK" sz="1400" dirty="0">
                <a:solidFill>
                  <a:schemeClr val="bg1">
                    <a:lumMod val="95000"/>
                  </a:schemeClr>
                </a:solidFill>
                <a:cs typeface="Arial"/>
              </a:rPr>
              <a:t>Markant flere studerende og elever ønsker at vende tilbage til praktikstedet i en fremtidig ansættelse, hvis de: 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da-DK" sz="1400" dirty="0">
                <a:solidFill>
                  <a:schemeClr val="bg1">
                    <a:lumMod val="95000"/>
                  </a:schemeClr>
                </a:solidFill>
                <a:cs typeface="Arial"/>
              </a:rPr>
              <a:t>er blevet </a:t>
            </a:r>
            <a:r>
              <a:rPr lang="da-DK" sz="1400" dirty="0">
                <a:solidFill>
                  <a:schemeClr val="accent3">
                    <a:lumMod val="20000"/>
                    <a:lumOff val="80000"/>
                  </a:schemeClr>
                </a:solidFill>
                <a:cs typeface="Arial"/>
              </a:rPr>
              <a:t>velinformerede</a:t>
            </a:r>
            <a:r>
              <a:rPr lang="da-DK" sz="1400" dirty="0">
                <a:solidFill>
                  <a:schemeClr val="bg1">
                    <a:lumMod val="95000"/>
                  </a:schemeClr>
                </a:solidFill>
                <a:cs typeface="Arial"/>
              </a:rPr>
              <a:t>, godt modtaget, og involveret i opstarten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da-DK" sz="1400" dirty="0">
                <a:solidFill>
                  <a:schemeClr val="bg1">
                    <a:lumMod val="95000"/>
                  </a:schemeClr>
                </a:solidFill>
                <a:cs typeface="Arial"/>
              </a:rPr>
              <a:t>føler sig tilpasse blandt medarbejdere og indgår i faglig dialog 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da-DK" sz="1400" dirty="0">
                <a:solidFill>
                  <a:schemeClr val="bg1">
                    <a:lumMod val="95000"/>
                  </a:schemeClr>
                </a:solidFill>
                <a:cs typeface="Arial"/>
              </a:rPr>
              <a:t>har fagligt udfordrende opgaver 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endParaRPr lang="da-DK" sz="1400" dirty="0">
              <a:solidFill>
                <a:schemeClr val="bg1">
                  <a:lumMod val="95000"/>
                </a:schemeClr>
              </a:solidFill>
              <a:cs typeface="Arial"/>
            </a:endParaRPr>
          </a:p>
          <a:p>
            <a:endParaRPr lang="da-DK" sz="1400" dirty="0">
              <a:solidFill>
                <a:schemeClr val="bg1">
                  <a:lumMod val="95000"/>
                </a:schemeClr>
              </a:solidFill>
              <a:cs typeface="Arial"/>
            </a:endParaRPr>
          </a:p>
          <a:p>
            <a:r>
              <a:rPr lang="da-DK" sz="1400" b="1" dirty="0">
                <a:solidFill>
                  <a:schemeClr val="bg1">
                    <a:lumMod val="95000"/>
                  </a:schemeClr>
                </a:solidFill>
                <a:latin typeface="+mj-lt"/>
                <a:cs typeface="Arial"/>
              </a:rPr>
              <a:t>Prioritering af vejlederopgaven og arbejdsfællesskabet</a:t>
            </a:r>
            <a:br>
              <a:rPr lang="da-DK" sz="1400" dirty="0">
                <a:solidFill>
                  <a:schemeClr val="bg1">
                    <a:lumMod val="95000"/>
                  </a:schemeClr>
                </a:solidFill>
                <a:latin typeface="+mj-lt"/>
                <a:cs typeface="Arial"/>
              </a:rPr>
            </a:br>
            <a:r>
              <a:rPr lang="da-DK" sz="1400" dirty="0">
                <a:solidFill>
                  <a:schemeClr val="bg1">
                    <a:lumMod val="95000"/>
                  </a:schemeClr>
                </a:solidFill>
                <a:latin typeface="+mj-lt"/>
                <a:cs typeface="Arial"/>
              </a:rPr>
              <a:t>God vejledning bidrager til højere udbytte af praktikken. </a:t>
            </a:r>
            <a:r>
              <a:rPr lang="da-DK" sz="1400">
                <a:solidFill>
                  <a:schemeClr val="bg1">
                    <a:lumMod val="95000"/>
                  </a:schemeClr>
                </a:solidFill>
                <a:latin typeface="+mj-lt"/>
                <a:cs typeface="Arial"/>
              </a:rPr>
              <a:t>Særlige t</a:t>
            </a:r>
            <a:r>
              <a:rPr lang="da-DK" sz="1400">
                <a:solidFill>
                  <a:schemeClr val="bg1">
                    <a:lumMod val="95000"/>
                  </a:schemeClr>
                </a:solidFill>
                <a:latin typeface="+mj-lt"/>
              </a:rPr>
              <a:t>ydeligt </a:t>
            </a:r>
            <a:r>
              <a:rPr lang="da-DK" sz="1400" dirty="0">
                <a:solidFill>
                  <a:schemeClr val="bg1">
                    <a:lumMod val="95000"/>
                  </a:schemeClr>
                </a:solidFill>
                <a:latin typeface="+mj-lt"/>
              </a:rPr>
              <a:t>udpegede vejledere, som tager vejledningsopgaven på sig, understøtter studerende og elevers læring. </a:t>
            </a:r>
          </a:p>
          <a:p>
            <a:endParaRPr lang="da-DK" sz="1400" dirty="0">
              <a:solidFill>
                <a:schemeClr val="bg1">
                  <a:lumMod val="95000"/>
                </a:schemeClr>
              </a:solidFill>
              <a:latin typeface="+mj-lt"/>
            </a:endParaRPr>
          </a:p>
          <a:p>
            <a:r>
              <a:rPr lang="da-DK" sz="1400" dirty="0">
                <a:solidFill>
                  <a:schemeClr val="bg2"/>
                </a:solidFill>
                <a:latin typeface="+mj-lt"/>
              </a:rPr>
              <a:t>Det er dog kun halvdelen af vejlederne, som i høj grad oplever tilstrækkelig tid til vejledningsopgaven, og at man på arbejdspladsen er fælles om praktikforløbene. </a:t>
            </a:r>
          </a:p>
          <a:p>
            <a:endParaRPr lang="da-DK" sz="1400" dirty="0">
              <a:solidFill>
                <a:schemeClr val="bg2"/>
              </a:solidFill>
              <a:latin typeface="+mj-lt"/>
            </a:endParaRPr>
          </a:p>
          <a:p>
            <a:endParaRPr lang="da-DK" sz="1400" dirty="0">
              <a:solidFill>
                <a:schemeClr val="bg1">
                  <a:lumMod val="95000"/>
                </a:schemeClr>
              </a:solidFill>
              <a:latin typeface="+mj-lt"/>
            </a:endParaRPr>
          </a:p>
          <a:p>
            <a:r>
              <a:rPr lang="da-DK" sz="1400" b="1" dirty="0">
                <a:solidFill>
                  <a:schemeClr val="bg1">
                    <a:lumMod val="95000"/>
                  </a:schemeClr>
                </a:solidFill>
                <a:effectLst/>
                <a:latin typeface="+mj-lt"/>
                <a:cs typeface="Arial"/>
              </a:rPr>
              <a:t>Tættere samarbejde om overgange</a:t>
            </a:r>
            <a:br>
              <a:rPr lang="da-DK" sz="1400" dirty="0">
                <a:solidFill>
                  <a:schemeClr val="bg1">
                    <a:lumMod val="95000"/>
                  </a:schemeClr>
                </a:solidFill>
                <a:effectLst/>
                <a:latin typeface="+mj-lt"/>
                <a:cs typeface="Arial"/>
              </a:rPr>
            </a:br>
            <a:r>
              <a:rPr lang="da-DK" sz="1400" dirty="0">
                <a:solidFill>
                  <a:schemeClr val="bg2"/>
                </a:solidFill>
                <a:effectLst/>
                <a:latin typeface="+mj-lt"/>
                <a:cs typeface="Arial"/>
              </a:rPr>
              <a:t>40% af praktikvejlederne oplever, at studerende og elever har svært ved at anvende det, </a:t>
            </a:r>
            <a:r>
              <a:rPr lang="da-DK" sz="1400" dirty="0">
                <a:solidFill>
                  <a:schemeClr val="bg2"/>
                </a:solidFill>
                <a:latin typeface="+mj-lt"/>
                <a:cs typeface="Arial"/>
              </a:rPr>
              <a:t>som de </a:t>
            </a:r>
            <a:r>
              <a:rPr lang="da-DK" sz="1400" dirty="0">
                <a:solidFill>
                  <a:schemeClr val="bg2"/>
                </a:solidFill>
                <a:effectLst/>
                <a:latin typeface="+mj-lt"/>
                <a:cs typeface="Arial"/>
              </a:rPr>
              <a:t>lærer på </a:t>
            </a:r>
            <a:r>
              <a:rPr lang="da-DK" sz="1400" dirty="0">
                <a:solidFill>
                  <a:schemeClr val="bg2"/>
                </a:solidFill>
                <a:latin typeface="+mj-lt"/>
                <a:cs typeface="Arial"/>
              </a:rPr>
              <a:t>uddannelsesinstitutionen, i</a:t>
            </a:r>
            <a:r>
              <a:rPr lang="da-DK" sz="1400" dirty="0">
                <a:solidFill>
                  <a:schemeClr val="bg2"/>
                </a:solidFill>
                <a:effectLst/>
                <a:latin typeface="+mj-lt"/>
                <a:cs typeface="Arial"/>
              </a:rPr>
              <a:t> praktikken. Samtidig </a:t>
            </a:r>
            <a:r>
              <a:rPr lang="da-DK" sz="1400" dirty="0">
                <a:solidFill>
                  <a:schemeClr val="bg2"/>
                </a:solidFill>
                <a:latin typeface="+mj-lt"/>
                <a:cs typeface="Arial"/>
              </a:rPr>
              <a:t>oplever under </a:t>
            </a:r>
            <a:r>
              <a:rPr lang="da-DK" sz="1400" dirty="0">
                <a:solidFill>
                  <a:schemeClr val="bg2"/>
                </a:solidFill>
                <a:effectLst/>
                <a:latin typeface="+mj-lt"/>
                <a:cs typeface="Arial"/>
              </a:rPr>
              <a:t>halvdelen af vejlederne i høj grad at  have tilstrækkeligt kendskab til deres studerende og elevers samlede uddannelsesforløb. </a:t>
            </a:r>
            <a:endParaRPr lang="da-DK" sz="1600" dirty="0">
              <a:solidFill>
                <a:schemeClr val="bg1">
                  <a:lumMod val="95000"/>
                </a:schemeClr>
              </a:solidFill>
            </a:endParaRPr>
          </a:p>
        </p:txBody>
      </p:sp>
      <p:pic>
        <p:nvPicPr>
          <p:cNvPr id="28" name="Billede 27" descr="Et billede, der indeholder tekst&#10;&#10;Automatisk genereret beskrivelse">
            <a:extLst>
              <a:ext uri="{FF2B5EF4-FFF2-40B4-BE49-F238E27FC236}">
                <a16:creationId xmlns:a16="http://schemas.microsoft.com/office/drawing/2014/main" id="{7ADDA8C6-A398-075C-3705-9BF5FA91FDA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16612" y="233826"/>
            <a:ext cx="2371508" cy="382501"/>
          </a:xfrm>
          <a:prstGeom prst="rect">
            <a:avLst/>
          </a:prstGeom>
        </p:spPr>
      </p:pic>
      <p:sp>
        <p:nvSpPr>
          <p:cNvPr id="31" name="Tekstfelt 30">
            <a:extLst>
              <a:ext uri="{FF2B5EF4-FFF2-40B4-BE49-F238E27FC236}">
                <a16:creationId xmlns:a16="http://schemas.microsoft.com/office/drawing/2014/main" id="{AD852213-B3A5-4B11-3785-AA8F37B5C057}"/>
              </a:ext>
            </a:extLst>
          </p:cNvPr>
          <p:cNvSpPr txBox="1"/>
          <p:nvPr/>
        </p:nvSpPr>
        <p:spPr>
          <a:xfrm>
            <a:off x="444380" y="9870041"/>
            <a:ext cx="4363594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200" b="1" dirty="0">
                <a:solidFill>
                  <a:schemeClr val="bg2"/>
                </a:solidFill>
                <a:cs typeface="Arial Bold"/>
              </a:rPr>
              <a:t>Læs rapporten og find mere viden </a:t>
            </a:r>
            <a:br>
              <a:rPr lang="da-DK" sz="1200" b="1" dirty="0">
                <a:solidFill>
                  <a:schemeClr val="bg2"/>
                </a:solidFill>
                <a:cs typeface="Arial Bold"/>
              </a:rPr>
            </a:br>
            <a:r>
              <a:rPr lang="da-DK" sz="1200" dirty="0">
                <a:solidFill>
                  <a:schemeClr val="bg2"/>
                </a:solidFill>
                <a:cs typeface="Arial Bold"/>
              </a:rPr>
              <a:t>på hjemmesiden </a:t>
            </a:r>
            <a:r>
              <a:rPr lang="da-DK" sz="1200" dirty="0">
                <a:solidFill>
                  <a:schemeClr val="bg2"/>
                </a:solidFill>
                <a:cs typeface="Arial Bold"/>
                <a:hlinkClick r:id="rId5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www.kp.dk/SPU</a:t>
            </a:r>
            <a:endParaRPr lang="da-DK" sz="1200" dirty="0">
              <a:solidFill>
                <a:schemeClr val="bg2"/>
              </a:solidFill>
              <a:cs typeface="Arial Bold"/>
            </a:endParaRPr>
          </a:p>
          <a:p>
            <a:r>
              <a:rPr lang="da-DK" sz="1200" dirty="0">
                <a:solidFill>
                  <a:schemeClr val="bg2"/>
                </a:solidFill>
                <a:cs typeface="Arial Bold"/>
              </a:rPr>
              <a:t>eller kontakt sekretariatet på </a:t>
            </a:r>
            <a:r>
              <a:rPr lang="da-DK" sz="1200" dirty="0">
                <a:solidFill>
                  <a:schemeClr val="bg2"/>
                </a:solidFill>
                <a:cs typeface="Arial Bold"/>
                <a:hlinkClick r:id="rId6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SPUsekretariatet@kp.dk</a:t>
            </a:r>
            <a:endParaRPr lang="da-DK" sz="1200" i="1" dirty="0">
              <a:solidFill>
                <a:schemeClr val="bg2"/>
              </a:solidFill>
              <a:cs typeface="Arial Bold"/>
            </a:endParaRPr>
          </a:p>
        </p:txBody>
      </p:sp>
      <p:pic>
        <p:nvPicPr>
          <p:cNvPr id="2" name="Grafik 1" descr="Åben hånd med plante med massiv udfyldning">
            <a:extLst>
              <a:ext uri="{FF2B5EF4-FFF2-40B4-BE49-F238E27FC236}">
                <a16:creationId xmlns:a16="http://schemas.microsoft.com/office/drawing/2014/main" id="{22A7BC2C-DDB5-8CD6-79C3-19D08A9192CF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444380" y="2905066"/>
            <a:ext cx="734945" cy="734945"/>
          </a:xfrm>
          <a:prstGeom prst="rect">
            <a:avLst/>
          </a:prstGeom>
        </p:spPr>
      </p:pic>
      <p:pic>
        <p:nvPicPr>
          <p:cNvPr id="5" name="Grafik 4" descr="Skål med massiv udfyldning">
            <a:extLst>
              <a:ext uri="{FF2B5EF4-FFF2-40B4-BE49-F238E27FC236}">
                <a16:creationId xmlns:a16="http://schemas.microsoft.com/office/drawing/2014/main" id="{C8818793-7BD8-F370-852D-6529F327AED5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p:blipFill>
        <p:spPr>
          <a:xfrm>
            <a:off x="429632" y="5307093"/>
            <a:ext cx="734945" cy="734945"/>
          </a:xfrm>
          <a:prstGeom prst="rect">
            <a:avLst/>
          </a:prstGeom>
        </p:spPr>
      </p:pic>
      <p:pic>
        <p:nvPicPr>
          <p:cNvPr id="7" name="Grafik 6" descr="Håndtryk med massiv udfyldning">
            <a:extLst>
              <a:ext uri="{FF2B5EF4-FFF2-40B4-BE49-F238E27FC236}">
                <a16:creationId xmlns:a16="http://schemas.microsoft.com/office/drawing/2014/main" id="{E8537374-BB44-EFF0-9B8F-29045DB29C66}"/>
              </a:ext>
            </a:extLst>
          </p:cNvPr>
          <p:cNvPicPr>
            <a:picLocks noChangeAspect="1"/>
          </p:cNvPicPr>
          <p:nvPr/>
        </p:nvPicPr>
        <p:blipFill rotWithShape="1">
          <a:blip r:embed="rId11">
            <a:extLst>
              <a:ext uri="{96DAC541-7B7A-43D3-8B79-37D633B846F1}">
                <asvg:svgBlip xmlns:asvg="http://schemas.microsoft.com/office/drawing/2016/SVG/main" r:embed="rId12"/>
              </a:ext>
            </a:extLst>
          </a:blip>
          <a:srcRect t="16859"/>
          <a:stretch/>
        </p:blipFill>
        <p:spPr>
          <a:xfrm>
            <a:off x="459128" y="8091815"/>
            <a:ext cx="748959" cy="622689"/>
          </a:xfrm>
          <a:prstGeom prst="rect">
            <a:avLst/>
          </a:prstGeom>
        </p:spPr>
      </p:pic>
      <p:sp>
        <p:nvSpPr>
          <p:cNvPr id="14" name="Tekstfelt 13">
            <a:extLst>
              <a:ext uri="{FF2B5EF4-FFF2-40B4-BE49-F238E27FC236}">
                <a16:creationId xmlns:a16="http://schemas.microsoft.com/office/drawing/2014/main" id="{32C67421-C9E0-19FC-B135-70D237263F41}"/>
              </a:ext>
            </a:extLst>
          </p:cNvPr>
          <p:cNvSpPr txBox="1"/>
          <p:nvPr/>
        </p:nvSpPr>
        <p:spPr>
          <a:xfrm>
            <a:off x="5561858" y="3072634"/>
            <a:ext cx="1797588" cy="923330"/>
          </a:xfrm>
          <a:prstGeom prst="rect">
            <a:avLst/>
          </a:prstGeom>
          <a:noFill/>
        </p:spPr>
        <p:txBody>
          <a:bodyPr wrap="square" lIns="108000" rIns="108000" rtlCol="0">
            <a:spAutoFit/>
          </a:bodyPr>
          <a:lstStyle/>
          <a:p>
            <a:r>
              <a:rPr lang="da-DK" sz="1200" noProof="0" dirty="0">
                <a:solidFill>
                  <a:schemeClr val="accent4"/>
                </a:solidFill>
                <a:latin typeface="+mn-lt"/>
                <a:cs typeface="Arial Bold"/>
              </a:rPr>
              <a:t>Over</a:t>
            </a:r>
            <a:r>
              <a:rPr lang="da-DK" sz="1200" b="1" noProof="0" dirty="0">
                <a:solidFill>
                  <a:schemeClr val="accent4"/>
                </a:solidFill>
                <a:latin typeface="+mn-lt"/>
                <a:cs typeface="Arial Bold"/>
              </a:rPr>
              <a:t> </a:t>
            </a:r>
            <a:r>
              <a:rPr lang="da-DK" b="1" noProof="0" dirty="0">
                <a:solidFill>
                  <a:schemeClr val="accent4"/>
                </a:solidFill>
                <a:latin typeface="+mn-lt"/>
                <a:cs typeface="Arial Bold"/>
              </a:rPr>
              <a:t>70</a:t>
            </a:r>
            <a:r>
              <a:rPr lang="da-DK" noProof="0" dirty="0">
                <a:solidFill>
                  <a:schemeClr val="accent4"/>
                </a:solidFill>
                <a:latin typeface="+mn-lt"/>
                <a:cs typeface="Arial Bold"/>
              </a:rPr>
              <a:t>% </a:t>
            </a:r>
            <a:br>
              <a:rPr lang="da-DK" noProof="0" dirty="0">
                <a:solidFill>
                  <a:schemeClr val="accent4"/>
                </a:solidFill>
                <a:latin typeface="+mn-lt"/>
                <a:cs typeface="Arial Bold"/>
              </a:rPr>
            </a:br>
            <a:r>
              <a:rPr lang="da-DK" sz="1200" noProof="0" dirty="0">
                <a:solidFill>
                  <a:schemeClr val="accent4"/>
                </a:solidFill>
                <a:latin typeface="+mn-lt"/>
                <a:cs typeface="Arial Bold"/>
              </a:rPr>
              <a:t>oplevede</a:t>
            </a:r>
            <a:r>
              <a:rPr lang="da-DK" sz="1200" b="1" dirty="0">
                <a:solidFill>
                  <a:schemeClr val="accent4"/>
                </a:solidFill>
              </a:rPr>
              <a:t> </a:t>
            </a:r>
            <a:r>
              <a:rPr lang="da-DK" sz="1200" dirty="0">
                <a:solidFill>
                  <a:schemeClr val="accent4"/>
                </a:solidFill>
              </a:rPr>
              <a:t>et rigtig godt læringsmiljø</a:t>
            </a:r>
          </a:p>
          <a:p>
            <a:endParaRPr lang="da-DK" sz="1200" b="1" i="1" noProof="0" dirty="0">
              <a:solidFill>
                <a:schemeClr val="accent4"/>
              </a:solidFill>
              <a:latin typeface="+mn-lt"/>
              <a:cs typeface="Arial Bold"/>
            </a:endParaRPr>
          </a:p>
        </p:txBody>
      </p:sp>
      <p:sp>
        <p:nvSpPr>
          <p:cNvPr id="20" name="Tekstfelt 19">
            <a:extLst>
              <a:ext uri="{FF2B5EF4-FFF2-40B4-BE49-F238E27FC236}">
                <a16:creationId xmlns:a16="http://schemas.microsoft.com/office/drawing/2014/main" id="{1F85D913-8122-691E-A29F-6C36EE900AB9}"/>
              </a:ext>
            </a:extLst>
          </p:cNvPr>
          <p:cNvSpPr txBox="1"/>
          <p:nvPr/>
        </p:nvSpPr>
        <p:spPr>
          <a:xfrm>
            <a:off x="5593048" y="5751933"/>
            <a:ext cx="1766397" cy="923330"/>
          </a:xfrm>
          <a:prstGeom prst="rect">
            <a:avLst/>
          </a:prstGeom>
          <a:noFill/>
        </p:spPr>
        <p:txBody>
          <a:bodyPr wrap="square" lIns="108000" rIns="108000" rtlCol="0">
            <a:spAutoFit/>
          </a:bodyPr>
          <a:lstStyle/>
          <a:p>
            <a:r>
              <a:rPr lang="da-DK" b="1" noProof="0" dirty="0">
                <a:solidFill>
                  <a:schemeClr val="accent4"/>
                </a:solidFill>
                <a:latin typeface="+mn-lt"/>
                <a:cs typeface="Arial Bold"/>
              </a:rPr>
              <a:t>67% </a:t>
            </a:r>
            <a:r>
              <a:rPr lang="da-DK" sz="1200" noProof="0" dirty="0">
                <a:solidFill>
                  <a:schemeClr val="accent4"/>
                </a:solidFill>
                <a:latin typeface="+mn-lt"/>
                <a:cs typeface="Arial Bold"/>
              </a:rPr>
              <a:t>oplevede </a:t>
            </a:r>
            <a:r>
              <a:rPr lang="da-DK" sz="1200" dirty="0">
                <a:solidFill>
                  <a:schemeClr val="accent4"/>
                </a:solidFill>
              </a:rPr>
              <a:t>i høj grad, at vejledningen hjalp dem til at forstå opgaverne i praktikken</a:t>
            </a:r>
          </a:p>
        </p:txBody>
      </p:sp>
      <p:sp>
        <p:nvSpPr>
          <p:cNvPr id="22" name="Tekstfelt 21">
            <a:extLst>
              <a:ext uri="{FF2B5EF4-FFF2-40B4-BE49-F238E27FC236}">
                <a16:creationId xmlns:a16="http://schemas.microsoft.com/office/drawing/2014/main" id="{B9BACFCA-E3A2-5B63-C7C0-E7FE652CAEEE}"/>
              </a:ext>
            </a:extLst>
          </p:cNvPr>
          <p:cNvSpPr txBox="1"/>
          <p:nvPr/>
        </p:nvSpPr>
        <p:spPr>
          <a:xfrm>
            <a:off x="5577452" y="8160506"/>
            <a:ext cx="1766397" cy="738664"/>
          </a:xfrm>
          <a:prstGeom prst="rect">
            <a:avLst/>
          </a:prstGeom>
          <a:noFill/>
        </p:spPr>
        <p:txBody>
          <a:bodyPr wrap="square" lIns="108000" rIns="108000" rtlCol="0">
            <a:spAutoFit/>
          </a:bodyPr>
          <a:lstStyle/>
          <a:p>
            <a:r>
              <a:rPr lang="da-DK" b="1" noProof="0" dirty="0">
                <a:solidFill>
                  <a:schemeClr val="accent4"/>
                </a:solidFill>
                <a:latin typeface="+mn-lt"/>
                <a:cs typeface="Arial Bold"/>
              </a:rPr>
              <a:t>40% </a:t>
            </a:r>
            <a:r>
              <a:rPr lang="da-DK" sz="1200" noProof="0" dirty="0">
                <a:solidFill>
                  <a:schemeClr val="accent4"/>
                </a:solidFill>
                <a:latin typeface="+mn-lt"/>
                <a:cs typeface="Arial Bold"/>
              </a:rPr>
              <a:t>følte sig </a:t>
            </a:r>
            <a:r>
              <a:rPr lang="da-DK" sz="1200" dirty="0">
                <a:solidFill>
                  <a:schemeClr val="accent4"/>
                </a:solidFill>
              </a:rPr>
              <a:t>i høj grad forberedt til praktikken</a:t>
            </a:r>
          </a:p>
        </p:txBody>
      </p:sp>
      <p:sp>
        <p:nvSpPr>
          <p:cNvPr id="23" name="Tekstfelt 22">
            <a:extLst>
              <a:ext uri="{FF2B5EF4-FFF2-40B4-BE49-F238E27FC236}">
                <a16:creationId xmlns:a16="http://schemas.microsoft.com/office/drawing/2014/main" id="{14C98C1B-5ACE-0AFE-099E-581386A1693C}"/>
              </a:ext>
            </a:extLst>
          </p:cNvPr>
          <p:cNvSpPr txBox="1"/>
          <p:nvPr/>
        </p:nvSpPr>
        <p:spPr>
          <a:xfrm>
            <a:off x="5593048" y="1294304"/>
            <a:ext cx="1766397" cy="1384995"/>
          </a:xfrm>
          <a:prstGeom prst="rect">
            <a:avLst/>
          </a:prstGeom>
          <a:noFill/>
        </p:spPr>
        <p:txBody>
          <a:bodyPr wrap="square" lIns="108000" rIns="108000" rtlCol="0">
            <a:spAutoFit/>
          </a:bodyPr>
          <a:lstStyle/>
          <a:p>
            <a:r>
              <a:rPr lang="da-DK" b="1" noProof="0" dirty="0">
                <a:solidFill>
                  <a:schemeClr val="accent4"/>
                </a:solidFill>
                <a:latin typeface="+mn-lt"/>
                <a:cs typeface="Arial Bold"/>
              </a:rPr>
              <a:t>77</a:t>
            </a:r>
            <a:r>
              <a:rPr lang="da-DK" noProof="0" dirty="0">
                <a:solidFill>
                  <a:schemeClr val="accent4"/>
                </a:solidFill>
                <a:latin typeface="+mn-lt"/>
                <a:cs typeface="Arial Bold"/>
              </a:rPr>
              <a:t>% </a:t>
            </a:r>
            <a:r>
              <a:rPr lang="da-DK" sz="1200" dirty="0">
                <a:solidFill>
                  <a:schemeClr val="accent4"/>
                </a:solidFill>
                <a:cs typeface="Arial Bold"/>
              </a:rPr>
              <a:t>ville anbefale deres praktiksted til andre, mens </a:t>
            </a:r>
            <a:r>
              <a:rPr lang="da-DK" b="1" dirty="0">
                <a:solidFill>
                  <a:schemeClr val="accent4"/>
                </a:solidFill>
                <a:cs typeface="Arial Bold"/>
              </a:rPr>
              <a:t>54</a:t>
            </a:r>
            <a:r>
              <a:rPr lang="da-DK" noProof="0" dirty="0">
                <a:solidFill>
                  <a:schemeClr val="accent4"/>
                </a:solidFill>
                <a:latin typeface="+mn-lt"/>
                <a:cs typeface="Arial Bold"/>
              </a:rPr>
              <a:t>% </a:t>
            </a:r>
            <a:r>
              <a:rPr lang="da-DK" sz="1200" dirty="0">
                <a:solidFill>
                  <a:schemeClr val="accent4"/>
                </a:solidFill>
              </a:rPr>
              <a:t>ville vende tilbage i en fremtidig ansættelse</a:t>
            </a:r>
            <a:endParaRPr lang="da-DK" sz="1200" dirty="0">
              <a:solidFill>
                <a:schemeClr val="accent4"/>
              </a:solidFill>
              <a:cs typeface="Arial Bold"/>
            </a:endParaRPr>
          </a:p>
          <a:p>
            <a:pPr algn="r"/>
            <a:endParaRPr lang="da-DK" sz="1200" b="1" i="1" noProof="0" dirty="0">
              <a:solidFill>
                <a:schemeClr val="accent4"/>
              </a:solidFill>
              <a:latin typeface="+mn-lt"/>
              <a:cs typeface="Arial Bold"/>
            </a:endParaRPr>
          </a:p>
        </p:txBody>
      </p:sp>
      <p:sp>
        <p:nvSpPr>
          <p:cNvPr id="25" name="Tekstfelt 24">
            <a:extLst>
              <a:ext uri="{FF2B5EF4-FFF2-40B4-BE49-F238E27FC236}">
                <a16:creationId xmlns:a16="http://schemas.microsoft.com/office/drawing/2014/main" id="{5290B343-CE39-41FB-52A3-C6E49D04430E}"/>
              </a:ext>
            </a:extLst>
          </p:cNvPr>
          <p:cNvSpPr txBox="1"/>
          <p:nvPr/>
        </p:nvSpPr>
        <p:spPr>
          <a:xfrm>
            <a:off x="5577452" y="9870041"/>
            <a:ext cx="1766397" cy="70788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000" i="1" noProof="0" dirty="0">
                <a:solidFill>
                  <a:schemeClr val="accent4"/>
                </a:solidFill>
                <a:cs typeface="Arial Bold"/>
              </a:rPr>
              <a:t>Kilde: Praktikevalueringer 2022 gennemført i SPU (hovedstadens 29 kommuner og Region H) </a:t>
            </a:r>
          </a:p>
        </p:txBody>
      </p:sp>
      <p:sp>
        <p:nvSpPr>
          <p:cNvPr id="27" name="Tekstfelt 26">
            <a:extLst>
              <a:ext uri="{FF2B5EF4-FFF2-40B4-BE49-F238E27FC236}">
                <a16:creationId xmlns:a16="http://schemas.microsoft.com/office/drawing/2014/main" id="{158C0EF2-BDF9-95B0-935E-DDF25F45B974}"/>
              </a:ext>
            </a:extLst>
          </p:cNvPr>
          <p:cNvSpPr txBox="1"/>
          <p:nvPr/>
        </p:nvSpPr>
        <p:spPr>
          <a:xfrm>
            <a:off x="5577451" y="866437"/>
            <a:ext cx="1997820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200" b="1" dirty="0">
                <a:solidFill>
                  <a:schemeClr val="accent4"/>
                </a:solidFill>
              </a:rPr>
              <a:t>Studerende og elevers praktikoplevels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63250431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85584988892562"/>
</p:tagLst>
</file>

<file path=ppt/theme/theme1.xml><?xml version="1.0" encoding="utf-8"?>
<a:theme xmlns:a="http://schemas.openxmlformats.org/drawingml/2006/main" name="Københavns Professionshøjskole">
  <a:themeElements>
    <a:clrScheme name="Brugerdefineret 3">
      <a:dk1>
        <a:sysClr val="windowText" lastClr="000000"/>
      </a:dk1>
      <a:lt1>
        <a:sysClr val="window" lastClr="FFFFFF"/>
      </a:lt1>
      <a:dk2>
        <a:srgbClr val="000000"/>
      </a:dk2>
      <a:lt2>
        <a:srgbClr val="FFFFFF"/>
      </a:lt2>
      <a:accent1>
        <a:srgbClr val="005447"/>
      </a:accent1>
      <a:accent2>
        <a:srgbClr val="CCCCCC"/>
      </a:accent2>
      <a:accent3>
        <a:srgbClr val="929292"/>
      </a:accent3>
      <a:accent4>
        <a:srgbClr val="404040"/>
      </a:accent4>
      <a:accent5>
        <a:srgbClr val="007E6B"/>
      </a:accent5>
      <a:accent6>
        <a:srgbClr val="148C78"/>
      </a:accent6>
      <a:hlink>
        <a:srgbClr val="404040"/>
      </a:hlink>
      <a:folHlink>
        <a:srgbClr val="E6E6E6"/>
      </a:folHlink>
    </a:clrScheme>
    <a:fontScheme name="KP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tx1"/>
        </a:solidFill>
        <a:ln>
          <a:solidFill>
            <a:schemeClr val="tx1"/>
          </a:solidFill>
        </a:ln>
        <a:effectLst/>
      </a:spPr>
      <a:bodyPr rtlCol="0" anchor="ctr"/>
      <a:lstStyle>
        <a:defPPr algn="ctr">
          <a:defRPr dirty="0" err="1"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>
        <a:ln w="9525">
          <a:solidFill>
            <a:srgbClr val="192337"/>
          </a:solidFill>
        </a:ln>
        <a:effectLst/>
      </a:spPr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rtlCol="0">
        <a:spAutoFit/>
      </a:bodyPr>
      <a:lstStyle>
        <a:defPPr algn="l">
          <a:defRPr sz="1600" b="1" noProof="0" dirty="0">
            <a:solidFill>
              <a:schemeClr val="tx1"/>
            </a:solidFill>
            <a:latin typeface="+mn-lt"/>
            <a:cs typeface="Arial Bold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Metropol Basis.potx" id="{AE914001-0B5F-4CC7-BC1C-7FDF869E2037}" vid="{4D584845-0B5D-4D78-8C36-79E14000C3B6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axCatchAll xmlns="766f457e-7d14-4bf5-99cd-00b16a4d36c6" xsi:nil="true"/>
    <lcf76f155ced4ddcb4097134ff3c332f xmlns="984ab566-39de-4289-aecb-ce5c3e807c77">
      <Terms xmlns="http://schemas.microsoft.com/office/infopath/2007/PartnerControls"/>
    </lcf76f155ced4ddcb4097134ff3c332f>
    <SharedWithUsers xmlns="766f457e-7d14-4bf5-99cd-00b16a4d36c6">
      <UserInfo>
        <DisplayName>Mette Birkedahl Dehlbæk</DisplayName>
        <AccountId>75</AccountId>
        <AccountType/>
      </UserInfo>
      <UserInfo>
        <DisplayName>Trine Fuglsang</DisplayName>
        <AccountId>13</AccountId>
        <AccountType/>
      </UserInfo>
      <UserInfo>
        <DisplayName>Lone Egelund Larsen</DisplayName>
        <AccountId>32</AccountId>
        <AccountType/>
      </UserInfo>
      <UserInfo>
        <DisplayName>Marianne Syders</DisplayName>
        <AccountId>85</AccountId>
        <AccountType/>
      </UserInfo>
    </SharedWithUsers>
  </documentManagement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F7B0744E00BC8E4D84DE6CBE092573B5" ma:contentTypeVersion="16" ma:contentTypeDescription="Opret et nyt dokument." ma:contentTypeScope="" ma:versionID="cb76842defd18df20fd211e930c809e6">
  <xsd:schema xmlns:xsd="http://www.w3.org/2001/XMLSchema" xmlns:xs="http://www.w3.org/2001/XMLSchema" xmlns:p="http://schemas.microsoft.com/office/2006/metadata/properties" xmlns:ns2="984ab566-39de-4289-aecb-ce5c3e807c77" xmlns:ns3="766f457e-7d14-4bf5-99cd-00b16a4d36c6" targetNamespace="http://schemas.microsoft.com/office/2006/metadata/properties" ma:root="true" ma:fieldsID="6de0a9d9ffdb0544b749fce1864eb76e" ns2:_="" ns3:_="">
    <xsd:import namespace="984ab566-39de-4289-aecb-ce5c3e807c77"/>
    <xsd:import namespace="766f457e-7d14-4bf5-99cd-00b16a4d36c6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DateTaken" minOccurs="0"/>
                <xsd:element ref="ns2:MediaServiceLocation" minOccurs="0"/>
                <xsd:element ref="ns3:SharedWithUsers" minOccurs="0"/>
                <xsd:element ref="ns3:SharedWithDetails" minOccurs="0"/>
                <xsd:element ref="ns2:MediaServiceAutoKeyPoints" minOccurs="0"/>
                <xsd:element ref="ns2:MediaServiceKeyPoints" minOccurs="0"/>
                <xsd:element ref="ns2:MediaLengthInSeconds" minOccurs="0"/>
                <xsd:element ref="ns2:lcf76f155ced4ddcb4097134ff3c332f" minOccurs="0"/>
                <xsd:element ref="ns3:TaxCatchAll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984ab566-39de-4289-aecb-ce5c3e807c77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10" nillable="true" ma:displayName="Tags" ma:internalName="MediaServiceAutoTags" ma:readOnly="true">
      <xsd:simpleType>
        <xsd:restriction base="dms:Text"/>
      </xsd:simpleType>
    </xsd:element>
    <xsd:element name="MediaServiceOCR" ma:index="11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2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3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4" nillable="true" ma:displayName="MediaServiceDateTaken" ma:hidden="true" ma:internalName="MediaServiceDateTaken" ma:readOnly="true">
      <xsd:simpleType>
        <xsd:restriction base="dms:Text"/>
      </xsd:simpleType>
    </xsd:element>
    <xsd:element name="MediaServiceLocation" ma:index="15" nillable="true" ma:displayName="Location" ma:internalName="MediaServiceLocation" ma:readOnly="true">
      <xsd:simpleType>
        <xsd:restriction base="dms:Text"/>
      </xsd:simpleType>
    </xsd:element>
    <xsd:element name="MediaServiceAutoKeyPoints" ma:index="18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9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LengthInSeconds" ma:index="20" nillable="true" ma:displayName="MediaLengthInSeconds" ma:hidden="true" ma:internalName="MediaLengthInSeconds" ma:readOnly="true">
      <xsd:simpleType>
        <xsd:restriction base="dms:Unknown"/>
      </xsd:simpleType>
    </xsd:element>
    <xsd:element name="lcf76f155ced4ddcb4097134ff3c332f" ma:index="22" nillable="true" ma:taxonomy="true" ma:internalName="lcf76f155ced4ddcb4097134ff3c332f" ma:taxonomyFieldName="MediaServiceImageTags" ma:displayName="Billedmærker" ma:readOnly="false" ma:fieldId="{5cf76f15-5ced-4ddc-b409-7134ff3c332f}" ma:taxonomyMulti="true" ma:sspId="315ba257-2ce8-4821-9133-510de1ae0d55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66f457e-7d14-4bf5-99cd-00b16a4d36c6" elementFormDefault="qualified">
    <xsd:import namespace="http://schemas.microsoft.com/office/2006/documentManagement/types"/>
    <xsd:import namespace="http://schemas.microsoft.com/office/infopath/2007/PartnerControls"/>
    <xsd:element name="SharedWithUsers" ma:index="16" nillable="true" ma:displayName="Delt med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7" nillable="true" ma:displayName="Delt med detaljer" ma:internalName="SharedWithDetails" ma:readOnly="true">
      <xsd:simpleType>
        <xsd:restriction base="dms:Note">
          <xsd:maxLength value="255"/>
        </xsd:restriction>
      </xsd:simpleType>
    </xsd:element>
    <xsd:element name="TaxCatchAll" ma:index="23" nillable="true" ma:displayName="Taxonomy Catch All Column" ma:hidden="true" ma:list="{4334e333-fc65-405a-9f07-5e06c0333fdd}" ma:internalName="TaxCatchAll" ma:showField="CatchAllData" ma:web="766f457e-7d14-4bf5-99cd-00b16a4d36c6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dholdstype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63A69FCE-9EB6-441A-995F-5B9AE806A5BA}">
  <ds:schemaRefs>
    <ds:schemaRef ds:uri="766f457e-7d14-4bf5-99cd-00b16a4d36c6"/>
    <ds:schemaRef ds:uri="http://purl.org/dc/dcmitype/"/>
    <ds:schemaRef ds:uri="http://schemas.microsoft.com/office/2006/documentManagement/types"/>
    <ds:schemaRef ds:uri="http://www.w3.org/XML/1998/namespace"/>
    <ds:schemaRef ds:uri="http://schemas.microsoft.com/office/2006/metadata/properties"/>
    <ds:schemaRef ds:uri="984ab566-39de-4289-aecb-ce5c3e807c77"/>
    <ds:schemaRef ds:uri="http://purl.org/dc/terms/"/>
    <ds:schemaRef ds:uri="http://schemas.microsoft.com/office/infopath/2007/PartnerControls"/>
    <ds:schemaRef ds:uri="http://schemas.openxmlformats.org/package/2006/metadata/core-properties"/>
    <ds:schemaRef ds:uri="http://purl.org/dc/elements/1.1/"/>
  </ds:schemaRefs>
</ds:datastoreItem>
</file>

<file path=customXml/itemProps2.xml><?xml version="1.0" encoding="utf-8"?>
<ds:datastoreItem xmlns:ds="http://schemas.openxmlformats.org/officeDocument/2006/customXml" ds:itemID="{321B794B-94C5-4BC1-8E83-13639B30EE69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C1244821-87C0-40E1-8A29-967E1063B388}">
  <ds:schemaRefs>
    <ds:schemaRef ds:uri="766f457e-7d14-4bf5-99cd-00b16a4d36c6"/>
    <ds:schemaRef ds:uri="984ab566-39de-4289-aecb-ce5c3e807c77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openxmlformats.org/package/2006/metadata/core-properties"/>
    <ds:schemaRef ds:uri="http://www.w3.org/2001/XMLSchema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609</TotalTime>
  <Words>314</Words>
  <Application>Microsoft Office PowerPoint</Application>
  <PresentationFormat>Brugerdefineret</PresentationFormat>
  <Paragraphs>24</Paragraphs>
  <Slides>1</Slides>
  <Notes>1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4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</vt:i4>
      </vt:variant>
    </vt:vector>
  </HeadingPairs>
  <TitlesOfParts>
    <vt:vector size="6" baseType="lpstr">
      <vt:lpstr>Arial</vt:lpstr>
      <vt:lpstr>Calibri</vt:lpstr>
      <vt:lpstr>Georgia</vt:lpstr>
      <vt:lpstr>Wingdings</vt:lpstr>
      <vt:lpstr>Københavns Professionshøjskole</vt:lpstr>
      <vt:lpstr>Status på Praktik 2023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æsentation</dc:title>
  <dc:creator>Københavns Professionshøjskole</dc:creator>
  <cp:lastModifiedBy>Marianne Syders</cp:lastModifiedBy>
  <cp:revision>6</cp:revision>
  <cp:lastPrinted>2023-06-05T08:23:41Z</cp:lastPrinted>
  <dcterms:modified xsi:type="dcterms:W3CDTF">2023-06-07T08:08:2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21-02-23T10:25:45.1330571Z</vt:lpwstr>
  </property>
  <property fmtid="{D5CDD505-2E9C-101B-9397-08002B2CF9AE}" pid="3" name="ContentTypeId">
    <vt:lpwstr>0x010100F7B0744E00BC8E4D84DE6CBE092573B5</vt:lpwstr>
  </property>
  <property fmtid="{D5CDD505-2E9C-101B-9397-08002B2CF9AE}" pid="4" name="MediaServiceImageTags">
    <vt:lpwstr/>
  </property>
</Properties>
</file>